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86\02_group\02_保育・待機児童対策グループ\03 私設保育施設\複数年度使用\運営の手引き\運営の手引きR3年度\06_施行\HP様式等\"/>
    </mc:Choice>
  </mc:AlternateContent>
  <bookViews>
    <workbookView xWindow="-12" yWindow="3540" windowWidth="20520" windowHeight="3468" tabRatio="613"/>
  </bookViews>
  <sheets>
    <sheet name="5-2 報告徴収（法第6条の3第11項型）" sheetId="92" r:id="rId1"/>
  </sheets>
  <definedNames>
    <definedName name="_xlnm.Print_Area" localSheetId="0">'5-2 報告徴収（法第6条の3第11項型）'!$A$1:$BN$257</definedName>
  </definedNames>
  <calcPr calcId="152511"/>
</workbook>
</file>

<file path=xl/sharedStrings.xml><?xml version="1.0" encoding="utf-8"?>
<sst xmlns="http://schemas.openxmlformats.org/spreadsheetml/2006/main" count="671" uniqueCount="364">
  <si>
    <t>・</t>
    <phoneticPr fontId="1"/>
  </si>
  <si>
    <t>分</t>
    <rPh sb="0" eb="1">
      <t>フン</t>
    </rPh>
    <phoneticPr fontId="1"/>
  </si>
  <si>
    <t>常勤</t>
    <rPh sb="0" eb="2">
      <t>ジョウキン</t>
    </rPh>
    <phoneticPr fontId="1"/>
  </si>
  <si>
    <t>年</t>
    <rPh sb="0" eb="1">
      <t>ネン</t>
    </rPh>
    <phoneticPr fontId="1"/>
  </si>
  <si>
    <t>月</t>
    <rPh sb="0" eb="1">
      <t>ツキ</t>
    </rPh>
    <phoneticPr fontId="1"/>
  </si>
  <si>
    <t>日現在</t>
    <rPh sb="0" eb="1">
      <t>ニチ</t>
    </rPh>
    <rPh sb="1" eb="3">
      <t>ゲンザイ</t>
    </rPh>
    <phoneticPr fontId="1"/>
  </si>
  <si>
    <t>　①事業所の名称</t>
    <phoneticPr fontId="1"/>
  </si>
  <si>
    <t>①</t>
    <phoneticPr fontId="1"/>
  </si>
  <si>
    <t>事業所の名称</t>
    <phoneticPr fontId="1"/>
  </si>
  <si>
    <t>事業所の所在地</t>
    <phoneticPr fontId="1"/>
  </si>
  <si>
    <t>設置者住所</t>
    <phoneticPr fontId="1"/>
  </si>
  <si>
    <t>事業開始年月日</t>
    <phoneticPr fontId="1"/>
  </si>
  <si>
    <t>系列事業所</t>
    <phoneticPr fontId="1"/>
  </si>
  <si>
    <t>保育提供可能時間</t>
    <phoneticPr fontId="1"/>
  </si>
  <si>
    <t>最寄り駅</t>
    <rPh sb="0" eb="2">
      <t>モヨ</t>
    </rPh>
    <rPh sb="3" eb="4">
      <t>エキ</t>
    </rPh>
    <phoneticPr fontId="1"/>
  </si>
  <si>
    <t>線</t>
    <rPh sb="0" eb="1">
      <t>セン</t>
    </rPh>
    <phoneticPr fontId="1"/>
  </si>
  <si>
    <t>徒歩</t>
    <rPh sb="0" eb="2">
      <t>トホ</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系列事業所数</t>
    <rPh sb="1" eb="3">
      <t>ケイレツ</t>
    </rPh>
    <rPh sb="3" eb="6">
      <t>ジギョウショ</t>
    </rPh>
    <rPh sb="6" eb="7">
      <t>スウ</t>
    </rPh>
    <phoneticPr fontId="1"/>
  </si>
  <si>
    <t>か所</t>
    <rPh sb="1" eb="2">
      <t>ショ</t>
    </rPh>
    <phoneticPr fontId="1"/>
  </si>
  <si>
    <t>〔直営店・ＦＣ〕</t>
    <rPh sb="1" eb="4">
      <t>チョクエイテン</t>
    </rPh>
    <phoneticPr fontId="1"/>
  </si>
  <si>
    <t>うち都道府県内</t>
    <rPh sb="2" eb="6">
      <t>トドウフケン</t>
    </rPh>
    <rPh sb="6" eb="7">
      <t>ナイ</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通常保育提供可能時間</t>
    <rPh sb="0" eb="2">
      <t>ツウジョウ</t>
    </rPh>
    <rPh sb="2" eb="4">
      <t>ホイク</t>
    </rPh>
    <rPh sb="4" eb="6">
      <t>テイキョウ</t>
    </rPh>
    <rPh sb="6" eb="8">
      <t>カノウ</t>
    </rPh>
    <rPh sb="8" eb="10">
      <t>ジカン</t>
    </rPh>
    <phoneticPr fontId="1"/>
  </si>
  <si>
    <t>：</t>
    <phoneticPr fontId="1"/>
  </si>
  <si>
    <t>～</t>
    <phoneticPr fontId="1"/>
  </si>
  <si>
    <t>時間外保育提供可能時間</t>
    <rPh sb="0" eb="3">
      <t>ジカンガイ</t>
    </rPh>
    <rPh sb="3" eb="5">
      <t>ホイク</t>
    </rPh>
    <rPh sb="5" eb="7">
      <t>テイキョウ</t>
    </rPh>
    <rPh sb="7" eb="9">
      <t>カノウ</t>
    </rPh>
    <rPh sb="9" eb="11">
      <t>ジカン</t>
    </rPh>
    <phoneticPr fontId="1"/>
  </si>
  <si>
    <t>備　考</t>
    <rPh sb="0" eb="1">
      <t>ビ</t>
    </rPh>
    <rPh sb="2" eb="3">
      <t>コウ</t>
    </rPh>
    <phoneticPr fontId="1"/>
  </si>
  <si>
    <t>提供する
　サービス内容</t>
    <rPh sb="0" eb="2">
      <t>テイキョウ</t>
    </rPh>
    <rPh sb="10" eb="12">
      <t>ナイヨウ</t>
    </rPh>
    <phoneticPr fontId="1"/>
  </si>
  <si>
    <t>一時預かり</t>
    <rPh sb="0" eb="2">
      <t>イチジ</t>
    </rPh>
    <rPh sb="2" eb="3">
      <t>アズ</t>
    </rPh>
    <phoneticPr fontId="1"/>
  </si>
  <si>
    <t>夜間保育</t>
    <rPh sb="0" eb="2">
      <t>ヤカン</t>
    </rPh>
    <rPh sb="2" eb="4">
      <t>ホイク</t>
    </rPh>
    <phoneticPr fontId="1"/>
  </si>
  <si>
    <t>24時間保育</t>
    <rPh sb="2" eb="4">
      <t>ジカン</t>
    </rPh>
    <rPh sb="4" eb="6">
      <t>ホイク</t>
    </rPh>
    <phoneticPr fontId="1"/>
  </si>
  <si>
    <t>（</t>
    <phoneticPr fontId="1"/>
  </si>
  <si>
    <t>〃</t>
    <phoneticPr fontId="1"/>
  </si>
  <si>
    <t>歳</t>
    <rPh sb="0" eb="1">
      <t>サイ</t>
    </rPh>
    <phoneticPr fontId="1"/>
  </si>
  <si>
    <t>※1）</t>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単位（　　）</t>
    <rPh sb="0" eb="2">
      <t>タンイ</t>
    </rPh>
    <phoneticPr fontId="1"/>
  </si>
  <si>
    <t>・食事代</t>
    <rPh sb="1" eb="4">
      <t>ショクジダイ</t>
    </rPh>
    <phoneticPr fontId="1"/>
  </si>
  <si>
    <t>・入会金</t>
    <rPh sb="1" eb="4">
      <t>ニュウカイキン</t>
    </rPh>
    <phoneticPr fontId="1"/>
  </si>
  <si>
    <t>・キャンセル料</t>
    <rPh sb="6" eb="7">
      <t>リョウ</t>
    </rPh>
    <phoneticPr fontId="1"/>
  </si>
  <si>
    <t>その他</t>
    <rPh sb="2" eb="3">
      <t>タ</t>
    </rPh>
    <phoneticPr fontId="1"/>
  </si>
  <si>
    <t>（対象年齢</t>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　２時間以下</t>
    <rPh sb="2" eb="4">
      <t>ジカン</t>
    </rPh>
    <rPh sb="4" eb="6">
      <t>イカ</t>
    </rPh>
    <phoneticPr fontId="1"/>
  </si>
  <si>
    <t>　２時間～４時間以下</t>
    <rPh sb="2" eb="4">
      <t>ジカン</t>
    </rPh>
    <rPh sb="6" eb="8">
      <t>ジカン</t>
    </rPh>
    <rPh sb="8" eb="10">
      <t>イカ</t>
    </rPh>
    <phoneticPr fontId="1"/>
  </si>
  <si>
    <t>　４時間～６時間以下</t>
    <rPh sb="2" eb="4">
      <t>ジカン</t>
    </rPh>
    <rPh sb="6" eb="8">
      <t>ジカン</t>
    </rPh>
    <rPh sb="8" eb="10">
      <t>イカ</t>
    </rPh>
    <phoneticPr fontId="1"/>
  </si>
  <si>
    <t>　６時間～８時間以下</t>
    <rPh sb="2" eb="4">
      <t>ジカン</t>
    </rPh>
    <rPh sb="6" eb="8">
      <t>ジカン</t>
    </rPh>
    <rPh sb="8" eb="10">
      <t>イカ</t>
    </rPh>
    <phoneticPr fontId="1"/>
  </si>
  <si>
    <t>　８時間～</t>
    <rPh sb="2" eb="4">
      <t>ジカン</t>
    </rPh>
    <phoneticPr fontId="1"/>
  </si>
  <si>
    <t>未加入</t>
    <rPh sb="0" eb="3">
      <t>ミカニュウ</t>
    </rPh>
    <phoneticPr fontId="1"/>
  </si>
  <si>
    <t>加　入</t>
    <rPh sb="0" eb="1">
      <t>カ</t>
    </rPh>
    <rPh sb="2" eb="3">
      <t>イ</t>
    </rPh>
    <phoneticPr fontId="1"/>
  </si>
  <si>
    <t>※保険契約書
　別添</t>
    <rPh sb="1" eb="3">
      <t>ホケン</t>
    </rPh>
    <rPh sb="3" eb="5">
      <t>ケイヤク</t>
    </rPh>
    <rPh sb="5" eb="6">
      <t>ショ</t>
    </rPh>
    <rPh sb="8" eb="10">
      <t>ベッテン</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賠償責任保険・傷害保険・その他（　　　　　　　　　　　）</t>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記載上の注意</t>
    <phoneticPr fontId="1"/>
  </si>
  <si>
    <t>　設置者が法人、民間会社、任意団体等の場合は、その代表者の氏名及び職名を記入してください。</t>
    <phoneticPr fontId="1"/>
  </si>
  <si>
    <t>　管理者名は、事業所長等貴事業所における責任者の氏名及び職名を記入してください。</t>
    <phoneticPr fontId="1"/>
  </si>
  <si>
    <t xml:space="preserve"> 各サービスの定義は以下のとおりであり、貴事業所において提供しているサービス全てを○で囲み（該当するものが無い場合は（　）内に記載し）、受入可能な児童の年齢（０歳児については月齢まで）について記入してください。</t>
    <phoneticPr fontId="1"/>
  </si>
  <si>
    <t>＜月極契約＞</t>
    <phoneticPr fontId="1"/>
  </si>
  <si>
    <t>　利用児童の保護者と月単位で保育日や保育時間を定めて契約し、月を通して継続的に保育サービスを提供するもの。</t>
    <phoneticPr fontId="1"/>
  </si>
  <si>
    <t>＜定期契約＞</t>
    <phoneticPr fontId="1"/>
  </si>
  <si>
    <t>　利用児童の保護者と日単位又は時間単位で定期的に契約し、継続的に保育サービスを提供するもの。（月極契約を除く。）</t>
    <phoneticPr fontId="1"/>
  </si>
  <si>
    <t>＜一時預かり＞</t>
    <phoneticPr fontId="1"/>
  </si>
  <si>
    <t>　利用児童の保護者と日単位又は時間単位で不定期に契約し、保育サービスを提供するもの。</t>
    <phoneticPr fontId="1"/>
  </si>
  <si>
    <t>＜夜間保育＞</t>
    <phoneticPr fontId="1"/>
  </si>
  <si>
    <t>　午後８時を越えて保育を実施し、宿泊を伴わない保育サービスを提供するもの。</t>
    <phoneticPr fontId="1"/>
  </si>
  <si>
    <t>【⑬】</t>
    <phoneticPr fontId="1"/>
  </si>
  <si>
    <t xml:space="preserve">  保険加入状況については、利用児童に関する保険に限定し、事業所設備に対する火災保険等は含めないでください。なお、保険会社との契約書類を添付してください。</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t>
    <phoneticPr fontId="1"/>
  </si>
  <si>
    <t>7:00～8:59</t>
    <phoneticPr fontId="1"/>
  </si>
  <si>
    <t>9:00～16:59</t>
    <phoneticPr fontId="1"/>
  </si>
  <si>
    <t>17:00～17:59</t>
    <phoneticPr fontId="1"/>
  </si>
  <si>
    <t>18:00～18:59</t>
    <phoneticPr fontId="1"/>
  </si>
  <si>
    <t>19:00～19:59</t>
    <phoneticPr fontId="1"/>
  </si>
  <si>
    <t>20:00～21:59</t>
    <phoneticPr fontId="1"/>
  </si>
  <si>
    <t>22:00～23:59</t>
    <phoneticPr fontId="1"/>
  </si>
  <si>
    <t>0:00～6:59</t>
    <phoneticPr fontId="1"/>
  </si>
  <si>
    <t xml:space="preserve"> 参加（研修名等：</t>
    <rPh sb="1" eb="3">
      <t>サンカ</t>
    </rPh>
    <rPh sb="4" eb="6">
      <t>ケンシュウ</t>
    </rPh>
    <rPh sb="6" eb="8">
      <t>メイトウ</t>
    </rPh>
    <phoneticPr fontId="1"/>
  </si>
  <si>
    <t>参加者数</t>
    <rPh sb="0" eb="4">
      <t>サンカシャスウ</t>
    </rPh>
    <phoneticPr fontId="1"/>
  </si>
  <si>
    <t>無</t>
    <rPh sb="0" eb="1">
      <t>ム</t>
    </rPh>
    <phoneticPr fontId="1"/>
  </si>
  <si>
    <t>名）</t>
    <rPh sb="0" eb="1">
      <t>メイ</t>
    </rPh>
    <phoneticPr fontId="1"/>
  </si>
  <si>
    <t xml:space="preserve"> 有 （年間・月案・週案・デイリープログラム・行事予定・保育目標）</t>
    <phoneticPr fontId="1"/>
  </si>
  <si>
    <t xml:space="preserve"> 　　（研修名等：</t>
    <rPh sb="4" eb="6">
      <t>ケンシュウ</t>
    </rPh>
    <rPh sb="6" eb="8">
      <t>メイトウ</t>
    </rPh>
    <phoneticPr fontId="1"/>
  </si>
  <si>
    <t>連絡帳の作成</t>
    <rPh sb="0" eb="3">
      <t>レンラクチョウ</t>
    </rPh>
    <rPh sb="4" eb="6">
      <t>サクセイ</t>
    </rPh>
    <phoneticPr fontId="1"/>
  </si>
  <si>
    <t>緊急連絡表の作成</t>
    <rPh sb="0" eb="2">
      <t>キンキュウ</t>
    </rPh>
    <rPh sb="2" eb="4">
      <t>レンラク</t>
    </rPh>
    <rPh sb="4" eb="5">
      <t>オモテ</t>
    </rPh>
    <rPh sb="6" eb="8">
      <t>サクセイ</t>
    </rPh>
    <phoneticPr fontId="1"/>
  </si>
  <si>
    <t>その他（</t>
    <rPh sb="2" eb="3">
      <t>タ</t>
    </rPh>
    <phoneticPr fontId="1"/>
  </si>
  <si>
    <t>実施</t>
    <rPh sb="0" eb="2">
      <t>ジッシ</t>
    </rPh>
    <phoneticPr fontId="1"/>
  </si>
  <si>
    <t>未実施</t>
    <rPh sb="0" eb="3">
      <t>ミジッシ</t>
    </rPh>
    <phoneticPr fontId="1"/>
  </si>
  <si>
    <t>利用開始時</t>
    <rPh sb="0" eb="2">
      <t>リヨウ</t>
    </rPh>
    <rPh sb="2" eb="5">
      <t>カイシジ</t>
    </rPh>
    <phoneticPr fontId="1"/>
  </si>
  <si>
    <t>利用開始後</t>
    <rPh sb="0" eb="2">
      <t>リヨウ</t>
    </rPh>
    <rPh sb="2" eb="4">
      <t>カイシ</t>
    </rPh>
    <rPh sb="4" eb="5">
      <t>ゴ</t>
    </rPh>
    <phoneticPr fontId="1"/>
  </si>
  <si>
    <t>採　用　時</t>
    <rPh sb="0" eb="1">
      <t>サイ</t>
    </rPh>
    <rPh sb="2" eb="3">
      <t>ヨウ</t>
    </rPh>
    <rPh sb="4" eb="5">
      <t>トキ</t>
    </rPh>
    <phoneticPr fontId="1"/>
  </si>
  <si>
    <t>採　用　後</t>
    <rPh sb="0" eb="1">
      <t>サイ</t>
    </rPh>
    <rPh sb="2" eb="3">
      <t>ヨウ</t>
    </rPh>
    <rPh sb="4" eb="5">
      <t>アト</t>
    </rPh>
    <phoneticPr fontId="1"/>
  </si>
  <si>
    <t xml:space="preserve"> 診断書の提出　　　母子健康手帳で確認</t>
    <phoneticPr fontId="1"/>
  </si>
  <si>
    <t xml:space="preserve"> 診断書の提出　　　母子健康手帳で確認　　・</t>
    <phoneticPr fontId="1"/>
  </si>
  <si>
    <t>回／年</t>
    <rPh sb="0" eb="1">
      <t>カイ</t>
    </rPh>
    <rPh sb="2" eb="3">
      <t>ネン</t>
    </rPh>
    <phoneticPr fontId="1"/>
  </si>
  <si>
    <t xml:space="preserve"> 保護者への連絡     医療機関への受診     その他（</t>
    <phoneticPr fontId="1"/>
  </si>
  <si>
    <t xml:space="preserve"> 実施 （ 毎月　　　　　　隔月</t>
    <phoneticPr fontId="1"/>
  </si>
  <si>
    <t>回／年）</t>
    <rPh sb="0" eb="1">
      <t>カイ</t>
    </rPh>
    <rPh sb="2" eb="3">
      <t>ネン</t>
    </rPh>
    <phoneticPr fontId="1"/>
  </si>
  <si>
    <t xml:space="preserve"> 睡眠中の乳幼児のきめ細かな観察</t>
    <phoneticPr fontId="1"/>
  </si>
  <si>
    <t xml:space="preserve"> 仰向け寝</t>
    <phoneticPr fontId="1"/>
  </si>
  <si>
    <t xml:space="preserve"> 禁煙の厳守</t>
    <phoneticPr fontId="1"/>
  </si>
  <si>
    <t>○安全対策</t>
    <rPh sb="1" eb="3">
      <t>アンゼン</t>
    </rPh>
    <rPh sb="3" eb="5">
      <t>タイサク</t>
    </rPh>
    <phoneticPr fontId="1"/>
  </si>
  <si>
    <t>実施内容（</t>
    <rPh sb="0" eb="2">
      <t>ジッシ</t>
    </rPh>
    <rPh sb="2" eb="4">
      <t>ナイヨウ</t>
    </rPh>
    <phoneticPr fontId="1"/>
  </si>
  <si>
    <t>適</t>
    <rPh sb="0" eb="1">
      <t>テキ</t>
    </rPh>
    <phoneticPr fontId="1"/>
  </si>
  <si>
    <t>不適</t>
    <rPh sb="0" eb="2">
      <t>フテキ</t>
    </rPh>
    <phoneticPr fontId="1"/>
  </si>
  <si>
    <t>○事故防止</t>
    <rPh sb="1" eb="3">
      <t>ジコ</t>
    </rPh>
    <rPh sb="3" eb="5">
      <t>ボウシ</t>
    </rPh>
    <phoneticPr fontId="1"/>
  </si>
  <si>
    <t>○緊急時の対策</t>
    <rPh sb="1" eb="4">
      <t>キンキュウジ</t>
    </rPh>
    <rPh sb="5" eb="7">
      <t>タイサク</t>
    </rPh>
    <phoneticPr fontId="1"/>
  </si>
  <si>
    <t xml:space="preserve"> サービス内容等の掲示</t>
    <phoneticPr fontId="1"/>
  </si>
  <si>
    <t xml:space="preserve"> 利用者への契約時の書面交付</t>
    <phoneticPr fontId="1"/>
  </si>
  <si>
    <t xml:space="preserve"> 利用予定者への契約内容等の説明</t>
    <phoneticPr fontId="1"/>
  </si>
  <si>
    <t xml:space="preserve"> 有（ 家庭状況  既往症  健康状況  成長記録  健康診断記録 ）</t>
    <phoneticPr fontId="1"/>
  </si>
  <si>
    <t xml:space="preserve"> 職員名簿（履歴書）</t>
    <phoneticPr fontId="1"/>
  </si>
  <si>
    <t xml:space="preserve"> 児童利用状況表</t>
    <rPh sb="1" eb="3">
      <t>ジドウ</t>
    </rPh>
    <rPh sb="3" eb="5">
      <t>リヨウ</t>
    </rPh>
    <rPh sb="5" eb="7">
      <t>ジョウキョウ</t>
    </rPh>
    <rPh sb="7" eb="8">
      <t>ヒョウ</t>
    </rPh>
    <phoneticPr fontId="1"/>
  </si>
  <si>
    <t xml:space="preserve"> 資 格 証 明 書</t>
    <rPh sb="1" eb="2">
      <t>シ</t>
    </rPh>
    <rPh sb="3" eb="4">
      <t>カク</t>
    </rPh>
    <rPh sb="5" eb="6">
      <t>アカシ</t>
    </rPh>
    <rPh sb="7" eb="8">
      <t>メイ</t>
    </rPh>
    <rPh sb="9" eb="10">
      <t>ショ</t>
    </rPh>
    <phoneticPr fontId="1"/>
  </si>
  <si>
    <t xml:space="preserve"> 職員の雇用等状況がわかる書類</t>
    <rPh sb="1" eb="3">
      <t>ショクイン</t>
    </rPh>
    <rPh sb="4" eb="6">
      <t>コヨウ</t>
    </rPh>
    <rPh sb="6" eb="7">
      <t>トウ</t>
    </rPh>
    <rPh sb="7" eb="9">
      <t>ジョウキョウ</t>
    </rPh>
    <rPh sb="13" eb="15">
      <t>ショルイ</t>
    </rPh>
    <phoneticPr fontId="1"/>
  </si>
  <si>
    <t>（雇用通知書、賃金台帳等）</t>
    <rPh sb="1" eb="3">
      <t>コヨウ</t>
    </rPh>
    <rPh sb="3" eb="6">
      <t>ツウチショ</t>
    </rPh>
    <rPh sb="7" eb="9">
      <t>チンギン</t>
    </rPh>
    <rPh sb="9" eb="11">
      <t>ダイチョウ</t>
    </rPh>
    <rPh sb="11" eb="12">
      <t>トウ</t>
    </rPh>
    <phoneticPr fontId="1"/>
  </si>
  <si>
    <t>　系列事業所数は、当運営状況報告の対象事業所を含めた数を記入し、対象事業所の所在する都道府県内にある系列事業所を内数として記入してください。</t>
    <phoneticPr fontId="1"/>
  </si>
  <si>
    <t>有 （ 体温      排便     食事     睡眠     顔ぼう     その他 ）</t>
    <phoneticPr fontId="1"/>
  </si>
  <si>
    <t>有 （ 服装      外傷     清潔     他                         ）</t>
    <phoneticPr fontId="1"/>
  </si>
  <si>
    <t>設置主体</t>
    <rPh sb="0" eb="2">
      <t>セッチ</t>
    </rPh>
    <rPh sb="2" eb="4">
      <t>シュタイ</t>
    </rPh>
    <phoneticPr fontId="1"/>
  </si>
  <si>
    <t>個人　 株式会社 　社会福祉法人　 NPO法人　 その他法人　 任意団体</t>
    <rPh sb="0" eb="2">
      <t>コジン</t>
    </rPh>
    <rPh sb="4" eb="6">
      <t>カブシキ</t>
    </rPh>
    <rPh sb="6" eb="8">
      <t>カイシャ</t>
    </rPh>
    <rPh sb="10" eb="12">
      <t>シャカイ</t>
    </rPh>
    <rPh sb="12" eb="14">
      <t>フクシ</t>
    </rPh>
    <rPh sb="14" eb="16">
      <t>ホウジン</t>
    </rPh>
    <rPh sb="21" eb="23">
      <t>ホウジン</t>
    </rPh>
    <rPh sb="27" eb="28">
      <t>タ</t>
    </rPh>
    <rPh sb="28" eb="30">
      <t>ホウジン</t>
    </rPh>
    <rPh sb="32" eb="34">
      <t>ニンイ</t>
    </rPh>
    <rPh sb="34" eb="36">
      <t>ダンタイ</t>
    </rPh>
    <phoneticPr fontId="1"/>
  </si>
  <si>
    <t>利用料金設定状況</t>
    <rPh sb="0" eb="2">
      <t>リヨウ</t>
    </rPh>
    <rPh sb="2" eb="4">
      <t>リョウキン</t>
    </rPh>
    <rPh sb="4" eb="6">
      <t>セッテイ</t>
    </rPh>
    <rPh sb="6" eb="8">
      <t>ジョウキョウ</t>
    </rPh>
    <phoneticPr fontId="1"/>
  </si>
  <si>
    <t>月単位　　週単位　　日単位　　時間単位　　日中夜間別</t>
    <rPh sb="0" eb="3">
      <t>ツキタンイ</t>
    </rPh>
    <rPh sb="5" eb="8">
      <t>シュウタンイ</t>
    </rPh>
    <rPh sb="10" eb="11">
      <t>ニチ</t>
    </rPh>
    <rPh sb="11" eb="13">
      <t>タンイ</t>
    </rPh>
    <rPh sb="15" eb="17">
      <t>ジカン</t>
    </rPh>
    <rPh sb="17" eb="19">
      <t>タンイ</t>
    </rPh>
    <rPh sb="21" eb="23">
      <t>ニッチュウ</t>
    </rPh>
    <rPh sb="23" eb="25">
      <t>ヤカン</t>
    </rPh>
    <rPh sb="25" eb="26">
      <t>ベツ</t>
    </rPh>
    <phoneticPr fontId="1"/>
  </si>
  <si>
    <t>所得別　　その他（　　　　　　　　　　　　　　）　　設定なし</t>
    <rPh sb="0" eb="3">
      <t>ショトクベツ</t>
    </rPh>
    <rPh sb="7" eb="8">
      <t>タ</t>
    </rPh>
    <rPh sb="26" eb="28">
      <t>セッテイ</t>
    </rPh>
    <phoneticPr fontId="1"/>
  </si>
  <si>
    <t>⑬</t>
    <phoneticPr fontId="1"/>
  </si>
  <si>
    <t>利 用 料 金</t>
    <phoneticPr fontId="1"/>
  </si>
  <si>
    <t>⑭-1</t>
    <phoneticPr fontId="1"/>
  </si>
  <si>
    <t>⑭-2</t>
    <phoneticPr fontId="1"/>
  </si>
  <si>
    <t>早朝
5時～8時</t>
    <rPh sb="0" eb="2">
      <t>ソウチョウ</t>
    </rPh>
    <rPh sb="4" eb="5">
      <t>ジ</t>
    </rPh>
    <rPh sb="7" eb="8">
      <t>ジ</t>
    </rPh>
    <phoneticPr fontId="1"/>
  </si>
  <si>
    <t>日中
8時～18時</t>
    <rPh sb="0" eb="2">
      <t>ニッチュウ</t>
    </rPh>
    <rPh sb="4" eb="5">
      <t>ジ</t>
    </rPh>
    <rPh sb="8" eb="9">
      <t>ジ</t>
    </rPh>
    <phoneticPr fontId="1"/>
  </si>
  <si>
    <t>夜間
18時～22時</t>
    <rPh sb="0" eb="2">
      <t>ヤカン</t>
    </rPh>
    <rPh sb="5" eb="6">
      <t>ジ</t>
    </rPh>
    <rPh sb="9" eb="10">
      <t>ジ</t>
    </rPh>
    <phoneticPr fontId="1"/>
  </si>
  <si>
    <t>深夜
22時～5時</t>
    <rPh sb="0" eb="2">
      <t>シンヤ</t>
    </rPh>
    <rPh sb="5" eb="6">
      <t>ジ</t>
    </rPh>
    <rPh sb="8" eb="9">
      <t>ジ</t>
    </rPh>
    <phoneticPr fontId="1"/>
  </si>
  <si>
    <t>利用料金</t>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⑭-1】</t>
    <phoneticPr fontId="1"/>
  </si>
  <si>
    <t>６歳以上
(就学前)</t>
    <rPh sb="1" eb="4">
      <t>サイイジョウ</t>
    </rPh>
    <rPh sb="6" eb="9">
      <t>シュウガクマエ</t>
    </rPh>
    <phoneticPr fontId="1"/>
  </si>
  <si>
    <t>【⑭-2】</t>
  </si>
  <si>
    <t xml:space="preserve">  利用料金について、会員、非会員別、時間帯別に記入してください。記入に当たり、当様式により難い場合は、利用形態別、年齢別に料金がわかる書類を添付してください。</t>
    <phoneticPr fontId="1"/>
  </si>
  <si>
    <t>研修の実施状況</t>
    <rPh sb="0" eb="2">
      <t>ケンシュウ</t>
    </rPh>
    <rPh sb="3" eb="5">
      <t>ジッシ</t>
    </rPh>
    <rPh sb="5" eb="7">
      <t>ジョウキョウ</t>
    </rPh>
    <phoneticPr fontId="1"/>
  </si>
  <si>
    <t>安全管理・事故防止の取組状況</t>
    <rPh sb="0" eb="2">
      <t>アンゼン</t>
    </rPh>
    <rPh sb="2" eb="4">
      <t>カンリ</t>
    </rPh>
    <rPh sb="5" eb="7">
      <t>ジコ</t>
    </rPh>
    <rPh sb="7" eb="9">
      <t>ボウシ</t>
    </rPh>
    <rPh sb="10" eb="12">
      <t>トリクミ</t>
    </rPh>
    <rPh sb="12" eb="14">
      <t>ジョウキョウ</t>
    </rPh>
    <phoneticPr fontId="1"/>
  </si>
  <si>
    <t>保育従事者の質の向上を図る研修を定期的に実施 （　年  　  回 ）</t>
    <rPh sb="25" eb="26">
      <t>ネン</t>
    </rPh>
    <phoneticPr fontId="1"/>
  </si>
  <si>
    <t>安全管理・事故防止の手順やマニュアルを整備し、職員に周知している</t>
    <phoneticPr fontId="1"/>
  </si>
  <si>
    <t>消防署・病院等関係機関との連絡を密にし、緊急の場合には適切な体制がとれるようにしている</t>
    <phoneticPr fontId="1"/>
  </si>
  <si>
    <t>事業所に在籍している保育従事者数</t>
    <rPh sb="0" eb="3">
      <t>ジギョウショ</t>
    </rPh>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③</t>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上記のうち主たる保育時間で
ある11時間について再掲</t>
    <rPh sb="0" eb="2">
      <t>ジョウキ</t>
    </rPh>
    <rPh sb="5" eb="6">
      <t>シュ</t>
    </rPh>
    <rPh sb="8" eb="10">
      <t>ホイク</t>
    </rPh>
    <rPh sb="10" eb="12">
      <t>ジカン</t>
    </rPh>
    <rPh sb="18" eb="20">
      <t>ジカン</t>
    </rPh>
    <rPh sb="24" eb="26">
      <t>サイケイ</t>
    </rPh>
    <phoneticPr fontId="1"/>
  </si>
  <si>
    <t>　子どもの預かりサービスのマッチングサイトを利用する事業所においては、利用するマッチングサイトのＵＲＬを記入してください。ただし、事業所自らのウェブサイトを利用して、保護者と事業所とが相互に連絡する場合は除きます。</t>
    <rPh sb="1" eb="2">
      <t>コ</t>
    </rPh>
    <rPh sb="5" eb="6">
      <t>アズ</t>
    </rPh>
    <rPh sb="22" eb="24">
      <t>リヨウ</t>
    </rPh>
    <rPh sb="26" eb="29">
      <t>ジギョウショ</t>
    </rPh>
    <rPh sb="35" eb="37">
      <t>リヨウ</t>
    </rPh>
    <rPh sb="52" eb="54">
      <t>キニュウ</t>
    </rPh>
    <rPh sb="65" eb="68">
      <t>ジギョウショ</t>
    </rPh>
    <rPh sb="68" eb="69">
      <t>ミズカ</t>
    </rPh>
    <rPh sb="78" eb="80">
      <t>リヨウ</t>
    </rPh>
    <rPh sb="83" eb="86">
      <t>ホゴシャ</t>
    </rPh>
    <rPh sb="87" eb="90">
      <t>ジギョウショ</t>
    </rPh>
    <rPh sb="92" eb="94">
      <t>ソウゴ</t>
    </rPh>
    <rPh sb="95" eb="97">
      <t>レンラク</t>
    </rPh>
    <rPh sb="99" eb="101">
      <t>バアイ</t>
    </rPh>
    <rPh sb="102" eb="103">
      <t>ノゾ</t>
    </rPh>
    <phoneticPr fontId="1"/>
  </si>
  <si>
    <t>保育計画の策定</t>
    <phoneticPr fontId="1"/>
  </si>
  <si>
    <t>職員の研修等の参加状況</t>
    <phoneticPr fontId="1"/>
  </si>
  <si>
    <t>保護者との連絡状況</t>
    <phoneticPr fontId="1"/>
  </si>
  <si>
    <t>保護者及び利用希望者の事前の面接</t>
    <phoneticPr fontId="1"/>
  </si>
  <si>
    <t>利用開始時の健康状態観察</t>
    <phoneticPr fontId="1"/>
  </si>
  <si>
    <t>利用開始時の個別検査</t>
    <phoneticPr fontId="1"/>
  </si>
  <si>
    <t>児童の健康診断</t>
    <phoneticPr fontId="1"/>
  </si>
  <si>
    <t>ケガや病気の時の措置</t>
    <phoneticPr fontId="1"/>
  </si>
  <si>
    <t>職員の健康診断</t>
    <rPh sb="0" eb="2">
      <t>ショクイン</t>
    </rPh>
    <phoneticPr fontId="1"/>
  </si>
  <si>
    <t>提携医療機関</t>
    <phoneticPr fontId="1"/>
  </si>
  <si>
    <t>検便</t>
    <rPh sb="0" eb="2">
      <t>ケンベン</t>
    </rPh>
    <phoneticPr fontId="1"/>
  </si>
  <si>
    <t>利用者等への情報提供</t>
    <phoneticPr fontId="1"/>
  </si>
  <si>
    <t>児童票の作成状況</t>
    <phoneticPr fontId="1"/>
  </si>
  <si>
    <t>帳簿の作成、整備状況</t>
    <phoneticPr fontId="1"/>
  </si>
  <si>
    <t>【③】</t>
    <phoneticPr fontId="1"/>
  </si>
  <si>
    <t>【⑦】</t>
    <phoneticPr fontId="1"/>
  </si>
  <si>
    <t>【⑩】</t>
    <phoneticPr fontId="1"/>
  </si>
  <si>
    <t>【⑪】</t>
    <phoneticPr fontId="1"/>
  </si>
  <si>
    <t>【⑫】</t>
    <phoneticPr fontId="1"/>
  </si>
  <si>
    <t>＜24時間保育＞</t>
    <phoneticPr fontId="1"/>
  </si>
  <si>
    <t>　24時間のいずれの時間帯でも保育サービスを提供するもの。</t>
    <phoneticPr fontId="1"/>
  </si>
  <si>
    <t>【⑮】</t>
    <phoneticPr fontId="1"/>
  </si>
  <si>
    <t>【⑯】</t>
    <phoneticPr fontId="1"/>
  </si>
  <si>
    <t>【⑱】</t>
    <phoneticPr fontId="1"/>
  </si>
  <si>
    <t>【⑲】</t>
    <phoneticPr fontId="1"/>
  </si>
  <si>
    <t>【⑳】</t>
    <phoneticPr fontId="1"/>
  </si>
  <si>
    <t>【㉕】</t>
    <phoneticPr fontId="1"/>
  </si>
  <si>
    <t>６歳以上
（就学前）</t>
    <rPh sb="1" eb="4">
      <t>サイイジョウ</t>
    </rPh>
    <rPh sb="6" eb="9">
      <t>シュウガクマエ</t>
    </rPh>
    <phoneticPr fontId="1"/>
  </si>
  <si>
    <t>月極契約</t>
    <rPh sb="0" eb="2">
      <t>ツキギメ</t>
    </rPh>
    <rPh sb="2" eb="4">
      <t>ケイヤク</t>
    </rPh>
    <phoneticPr fontId="1"/>
  </si>
  <si>
    <t>　運営状況報告記入日現在の満年齢により、年齢別の児童数を記入してください。一時預かりの児童も含みます。「学童」は運営状況報告記入日にあずかった小学生以上の児童数を記入してください。</t>
    <phoneticPr fontId="1"/>
  </si>
  <si>
    <t>単位
(時間)</t>
    <rPh sb="0" eb="2">
      <t>タンイ</t>
    </rPh>
    <rPh sb="4" eb="6">
      <t>ジカン</t>
    </rPh>
    <phoneticPr fontId="1"/>
  </si>
  <si>
    <t>○法第６条の３第11項の規定による業務を目的とする施設用</t>
    <phoneticPr fontId="1"/>
  </si>
  <si>
    <t>資格の有無等</t>
    <rPh sb="0" eb="2">
      <t>シカク</t>
    </rPh>
    <rPh sb="3" eb="5">
      <t>ウム</t>
    </rPh>
    <rPh sb="5" eb="6">
      <t>トウ</t>
    </rPh>
    <phoneticPr fontId="1"/>
  </si>
  <si>
    <t>非常勤</t>
    <rPh sb="0" eb="3">
      <t>ヒジョウキン</t>
    </rPh>
    <phoneticPr fontId="1"/>
  </si>
  <si>
    <t>保育士</t>
    <rPh sb="0" eb="3">
      <t>ホイクシ</t>
    </rPh>
    <phoneticPr fontId="1"/>
  </si>
  <si>
    <t>看護師</t>
    <rPh sb="0" eb="3">
      <t>カンゴシ</t>
    </rPh>
    <phoneticPr fontId="1"/>
  </si>
  <si>
    <t>・資格（従事している場合に記入）</t>
    <phoneticPr fontId="1"/>
  </si>
  <si>
    <t>安全管理・事故防止のための研修を定期的に実施している（ 年　　　回 ）</t>
    <phoneticPr fontId="1"/>
  </si>
  <si>
    <t>無</t>
    <rPh sb="0" eb="1">
      <t>ナ</t>
    </rPh>
    <phoneticPr fontId="1"/>
  </si>
  <si>
    <t>有</t>
    <rPh sb="0" eb="1">
      <t>ア</t>
    </rPh>
    <phoneticPr fontId="1"/>
  </si>
  <si>
    <t xml:space="preserve">  利用料金について利用形態別、年齢別に記入してください。なお、別途食事代、入会金、キャンセル料等が必要な場合にはその費用についても記入してください。記入に当たり、当様式により難い場合は利用形態別、年齢別に料金がわかる書類を添付してください。</t>
    <phoneticPr fontId="1"/>
  </si>
  <si>
    <t>　　准看護師</t>
    <rPh sb="2" eb="3">
      <t>ジュン</t>
    </rPh>
    <phoneticPr fontId="1"/>
  </si>
  <si>
    <t>准看護師</t>
    <rPh sb="0" eb="4">
      <t>ジュンカンゴシ</t>
    </rPh>
    <phoneticPr fontId="1"/>
  </si>
  <si>
    <t>Ａ 事業所長</t>
    <rPh sb="2" eb="4">
      <t>ジギョウ</t>
    </rPh>
    <rPh sb="4" eb="6">
      <t>ショチョウ</t>
    </rPh>
    <phoneticPr fontId="1"/>
  </si>
  <si>
    <t xml:space="preserve"> 実施 （ 事業所で実施     診断書の提出     その他 　　      ）</t>
    <phoneticPr fontId="1"/>
  </si>
  <si>
    <t xml:space="preserve"> 実施 （　事業所で実施     診断書の提出     その他 　　      ）</t>
    <phoneticPr fontId="1"/>
  </si>
  <si>
    <r>
      <t xml:space="preserve">会員
</t>
    </r>
    <r>
      <rPr>
        <sz val="8"/>
        <rFont val="ＭＳ 明朝"/>
        <family val="1"/>
        <charset val="128"/>
      </rPr>
      <t>（入会し常態的に利用する者）</t>
    </r>
    <rPh sb="0" eb="2">
      <t>カイイン</t>
    </rPh>
    <rPh sb="4" eb="6">
      <t>ニュウカイ</t>
    </rPh>
    <rPh sb="7" eb="10">
      <t>ジョウタイテキ</t>
    </rPh>
    <rPh sb="11" eb="13">
      <t>リヨウ</t>
    </rPh>
    <rPh sb="15" eb="16">
      <t>シャ</t>
    </rPh>
    <phoneticPr fontId="1"/>
  </si>
  <si>
    <r>
      <t xml:space="preserve">非会員
</t>
    </r>
    <r>
      <rPr>
        <sz val="8"/>
        <rFont val="ＭＳ 明朝"/>
        <family val="1"/>
        <charset val="128"/>
      </rPr>
      <t>（一時的に利用する者）</t>
    </r>
    <rPh sb="0" eb="3">
      <t>ヒカイイン</t>
    </rPh>
    <rPh sb="5" eb="8">
      <t>イチジテキ</t>
    </rPh>
    <rPh sb="9" eb="11">
      <t>リヨウ</t>
    </rPh>
    <rPh sb="13" eb="14">
      <t>シャ</t>
    </rPh>
    <phoneticPr fontId="1"/>
  </si>
  <si>
    <t>⑮定　員</t>
    <rPh sb="1" eb="2">
      <t>ジョウ</t>
    </rPh>
    <rPh sb="3" eb="4">
      <t>イン</t>
    </rPh>
    <phoneticPr fontId="1"/>
  </si>
  <si>
    <t>⑱職務に従事している職員の配置数</t>
    <rPh sb="1" eb="3">
      <t>ショクム</t>
    </rPh>
    <rPh sb="4" eb="6">
      <t>ジュウジ</t>
    </rPh>
    <rPh sb="10" eb="12">
      <t>ショクイン</t>
    </rPh>
    <rPh sb="13" eb="16">
      <t>ハイチスウ</t>
    </rPh>
    <phoneticPr fontId="1"/>
  </si>
  <si>
    <t>⑯保育している児童の人数</t>
    <phoneticPr fontId="1"/>
  </si>
  <si>
    <t>⑰
時間帯別の利用児童数
（月極め・定期契約・一時預かりを含めた延べ数で記入してください。）</t>
    <rPh sb="18" eb="20">
      <t>テイキ</t>
    </rPh>
    <rPh sb="20" eb="22">
      <t>ケイヤク</t>
    </rPh>
    <phoneticPr fontId="1"/>
  </si>
  <si>
    <t xml:space="preserve">  24時間表示（00時00分～23時59分）で記入してください。24時間保育を実施している場合には、00時00分～00時00分と記入してください。なお、時間外保育提供可能時間は、通常の保育提供可能時間外で、利用者の希望に応じ、保育の提供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ホイク</t>
    </rPh>
    <rPh sb="82" eb="84">
      <t>テイキョウ</t>
    </rPh>
    <rPh sb="84" eb="86">
      <t>カノウ</t>
    </rPh>
    <rPh sb="86" eb="88">
      <t>ジカン</t>
    </rPh>
    <rPh sb="93" eb="95">
      <t>ホイク</t>
    </rPh>
    <rPh sb="95" eb="97">
      <t>テイキョウ</t>
    </rPh>
    <rPh sb="97" eb="99">
      <t>カノウ</t>
    </rPh>
    <rPh sb="114" eb="116">
      <t>ホイク</t>
    </rPh>
    <rPh sb="117" eb="119">
      <t>テイキョウ</t>
    </rPh>
    <phoneticPr fontId="1"/>
  </si>
  <si>
    <t>職名
(常勤・非常勤)</t>
    <rPh sb="0" eb="2">
      <t>ショクメイ</t>
    </rPh>
    <rPh sb="5" eb="7">
      <t>ジョウキン</t>
    </rPh>
    <rPh sb="8" eb="11">
      <t>ヒジョウキン</t>
    </rPh>
    <phoneticPr fontId="1"/>
  </si>
  <si>
    <t>氏名
(生年月日)</t>
    <rPh sb="0" eb="2">
      <t>シメイ</t>
    </rPh>
    <rPh sb="4" eb="6">
      <t>セイネン</t>
    </rPh>
    <rPh sb="6" eb="8">
      <t>ガッピ</t>
    </rPh>
    <phoneticPr fontId="1"/>
  </si>
  <si>
    <t>資格の保有状況</t>
    <rPh sb="0" eb="2">
      <t>シカク</t>
    </rPh>
    <rPh sb="3" eb="5">
      <t>ホユウ</t>
    </rPh>
    <rPh sb="5" eb="7">
      <t>ジョウキョウ</t>
    </rPh>
    <phoneticPr fontId="1"/>
  </si>
  <si>
    <t>※1
経験
年数</t>
    <rPh sb="3" eb="5">
      <t>ケイケン</t>
    </rPh>
    <rPh sb="6" eb="8">
      <t>ネンスウ</t>
    </rPh>
    <phoneticPr fontId="1"/>
  </si>
  <si>
    <t>※2
　 勤務時間</t>
    <rPh sb="5" eb="7">
      <t>キンム</t>
    </rPh>
    <rPh sb="7" eb="9">
      <t>ジカン</t>
    </rPh>
    <phoneticPr fontId="1"/>
  </si>
  <si>
    <t>（　　年　月　日）</t>
    <rPh sb="3" eb="4">
      <t>ネン</t>
    </rPh>
    <rPh sb="5" eb="6">
      <t>ツキ</t>
    </rPh>
    <rPh sb="7" eb="8">
      <t>ニチ</t>
    </rPh>
    <phoneticPr fontId="1"/>
  </si>
  <si>
    <t>ア保育士（登録番号　　　　　　　　　　）
イ幼稚園教諭　ウ看護師・保健師・助産師
エ上記の資格いずれもなし</t>
    <rPh sb="1" eb="4">
      <t>ホイクシ</t>
    </rPh>
    <rPh sb="5" eb="7">
      <t>トウロク</t>
    </rPh>
    <rPh sb="7" eb="9">
      <t>バンゴウ</t>
    </rPh>
    <rPh sb="22" eb="25">
      <t>ヨウチエン</t>
    </rPh>
    <rPh sb="25" eb="27">
      <t>キョウユ</t>
    </rPh>
    <rPh sb="29" eb="32">
      <t>カンゴシ</t>
    </rPh>
    <rPh sb="33" eb="36">
      <t>ホケンシ</t>
    </rPh>
    <rPh sb="37" eb="40">
      <t>ジョサンシ</t>
    </rPh>
    <rPh sb="42" eb="44">
      <t>ジョウキ</t>
    </rPh>
    <rPh sb="45" eb="47">
      <t>シカク</t>
    </rPh>
    <phoneticPr fontId="1"/>
  </si>
  <si>
    <t xml:space="preserve">  週 　時間</t>
    <rPh sb="2" eb="3">
      <t>シュウ</t>
    </rPh>
    <rPh sb="5" eb="7">
      <t>ジカン</t>
    </rPh>
    <phoneticPr fontId="1"/>
  </si>
  <si>
    <t>※1 これまで保育施設で保育に従事した経験年数を記入してください。
※2 上段には届出日前日に勤務した時間、下段には契約上の一週間あたりの勤務時間数を記入してください。</t>
    <rPh sb="7" eb="9">
      <t>ホイク</t>
    </rPh>
    <rPh sb="9" eb="11">
      <t>シセツ</t>
    </rPh>
    <rPh sb="12" eb="14">
      <t>ホイク</t>
    </rPh>
    <rPh sb="15" eb="17">
      <t>ジュウジ</t>
    </rPh>
    <rPh sb="19" eb="21">
      <t>ケイケン</t>
    </rPh>
    <rPh sb="21" eb="23">
      <t>ネンスウ</t>
    </rPh>
    <rPh sb="24" eb="26">
      <t>キニュウ</t>
    </rPh>
    <rPh sb="37" eb="39">
      <t>ジョウダン</t>
    </rPh>
    <rPh sb="41" eb="43">
      <t>トドケデ</t>
    </rPh>
    <rPh sb="43" eb="44">
      <t>ビ</t>
    </rPh>
    <rPh sb="44" eb="46">
      <t>ゼンジツ</t>
    </rPh>
    <rPh sb="47" eb="49">
      <t>キンム</t>
    </rPh>
    <rPh sb="51" eb="53">
      <t>ジカン</t>
    </rPh>
    <rPh sb="54" eb="56">
      <t>ゲダン</t>
    </rPh>
    <rPh sb="58" eb="60">
      <t>ケイヤク</t>
    </rPh>
    <rPh sb="60" eb="61">
      <t>ジョウ</t>
    </rPh>
    <rPh sb="62" eb="65">
      <t>１シュウカン</t>
    </rPh>
    <rPh sb="69" eb="71">
      <t>キンム</t>
    </rPh>
    <rPh sb="71" eb="73">
      <t>ジカン</t>
    </rPh>
    <rPh sb="73" eb="74">
      <t>スウ</t>
    </rPh>
    <rPh sb="75" eb="77">
      <t>キニュウ</t>
    </rPh>
    <phoneticPr fontId="1"/>
  </si>
  <si>
    <t>性別</t>
    <rPh sb="0" eb="1">
      <t>セイ</t>
    </rPh>
    <rPh sb="1" eb="2">
      <t>ベツ</t>
    </rPh>
    <phoneticPr fontId="1"/>
  </si>
  <si>
    <t>(常勤・非常勤)</t>
    <phoneticPr fontId="1"/>
  </si>
  <si>
    <t xml:space="preserve"> :  ～　: </t>
    <phoneticPr fontId="1"/>
  </si>
  <si>
    <t>私設保育施設運営状況報告</t>
    <rPh sb="0" eb="2">
      <t>シセツ</t>
    </rPh>
    <rPh sb="2" eb="4">
      <t>ホイク</t>
    </rPh>
    <rPh sb="4" eb="6">
      <t>シセツ</t>
    </rPh>
    <phoneticPr fontId="1"/>
  </si>
  <si>
    <t>第４号様式の２（第９条関係（法第６条の３第11項の規定による業務を目的とする施設用））</t>
    <rPh sb="40" eb="41">
      <t>ヨウ</t>
    </rPh>
    <phoneticPr fontId="1"/>
  </si>
  <si>
    <t>⑳</t>
    <phoneticPr fontId="1"/>
  </si>
  <si>
    <t>㉑</t>
    <phoneticPr fontId="1"/>
  </si>
  <si>
    <t>㉒</t>
    <phoneticPr fontId="1"/>
  </si>
  <si>
    <t>㉓</t>
    <phoneticPr fontId="1"/>
  </si>
  <si>
    <t>㉓については、研修の終了証の写し等の研修を受講したことや参加したことが分かる書類を添付すること。</t>
    <rPh sb="7" eb="9">
      <t>ケンシュウ</t>
    </rPh>
    <rPh sb="10" eb="12">
      <t>シュウリョウ</t>
    </rPh>
    <rPh sb="14" eb="15">
      <t>ウツ</t>
    </rPh>
    <rPh sb="16" eb="17">
      <t>ナド</t>
    </rPh>
    <rPh sb="18" eb="20">
      <t>ケンシュウ</t>
    </rPh>
    <rPh sb="21" eb="23">
      <t>ジュコウ</t>
    </rPh>
    <rPh sb="28" eb="30">
      <t>サンカ</t>
    </rPh>
    <rPh sb="35" eb="36">
      <t>ワ</t>
    </rPh>
    <rPh sb="38" eb="40">
      <t>ショルイ</t>
    </rPh>
    <rPh sb="41" eb="43">
      <t>テンプ</t>
    </rPh>
    <phoneticPr fontId="1"/>
  </si>
  <si>
    <t>㉔</t>
    <phoneticPr fontId="1"/>
  </si>
  <si>
    <t>㉕</t>
    <phoneticPr fontId="1"/>
  </si>
  <si>
    <t>㉖</t>
    <phoneticPr fontId="1"/>
  </si>
  <si>
    <t>㉗</t>
    <phoneticPr fontId="1"/>
  </si>
  <si>
    <t>㉘</t>
    <phoneticPr fontId="1"/>
  </si>
  <si>
    <t>㉙</t>
    <phoneticPr fontId="1"/>
  </si>
  <si>
    <t>㉚</t>
    <phoneticPr fontId="1"/>
  </si>
  <si>
    <t>㉛</t>
    <phoneticPr fontId="1"/>
  </si>
  <si>
    <t>㉜</t>
    <phoneticPr fontId="1"/>
  </si>
  <si>
    <t>㉝</t>
    <phoneticPr fontId="1"/>
  </si>
  <si>
    <t>㉞</t>
    <phoneticPr fontId="1"/>
  </si>
  <si>
    <t>㉟安全確保</t>
    <rPh sb="1" eb="2">
      <t>ヤス</t>
    </rPh>
    <rPh sb="2" eb="3">
      <t>ゼン</t>
    </rPh>
    <rPh sb="3" eb="5">
      <t>カクホ</t>
    </rPh>
    <phoneticPr fontId="1"/>
  </si>
  <si>
    <t>㊱</t>
    <phoneticPr fontId="1"/>
  </si>
  <si>
    <t>㊲</t>
    <phoneticPr fontId="1"/>
  </si>
  <si>
    <t>㊳</t>
    <phoneticPr fontId="1"/>
  </si>
  <si>
    <t>㊴</t>
    <phoneticPr fontId="1"/>
  </si>
  <si>
    <t>【㉑】</t>
    <phoneticPr fontId="1"/>
  </si>
  <si>
    <t>【㉔】</t>
    <phoneticPr fontId="1"/>
  </si>
  <si>
    <t>【㉓】</t>
    <phoneticPr fontId="1"/>
  </si>
  <si>
    <t>【㉜】</t>
    <phoneticPr fontId="1"/>
  </si>
  <si>
    <t>【㊴】</t>
    <phoneticPr fontId="1"/>
  </si>
  <si>
    <t>【⑥】</t>
    <phoneticPr fontId="1"/>
  </si>
  <si>
    <t>令和</t>
    <phoneticPr fontId="1"/>
  </si>
  <si>
    <t>平成
令和</t>
    <rPh sb="0" eb="2">
      <t>ヘイセイ</t>
    </rPh>
    <rPh sb="3" eb="5">
      <t>レイワ</t>
    </rPh>
    <phoneticPr fontId="1"/>
  </si>
  <si>
    <t>※元号はいずれかに〇印をつけてください</t>
    <rPh sb="1" eb="3">
      <t>ゲンゴウ</t>
    </rPh>
    <rPh sb="10" eb="11">
      <t>ジルシ</t>
    </rPh>
    <phoneticPr fontId="1"/>
  </si>
  <si>
    <t>（令和</t>
    <rPh sb="1" eb="2">
      <t>レイ</t>
    </rPh>
    <rPh sb="2" eb="3">
      <t>カズ</t>
    </rPh>
    <phoneticPr fontId="1"/>
  </si>
  <si>
    <t>メール
アドレス</t>
    <phoneticPr fontId="1"/>
  </si>
  <si>
    <t>管理者住所</t>
    <phoneticPr fontId="1"/>
  </si>
  <si>
    <t>・日用品・文房具費</t>
    <rPh sb="1" eb="4">
      <t>ニチヨウヒン</t>
    </rPh>
    <rPh sb="5" eb="8">
      <t>ブンボウグ</t>
    </rPh>
    <rPh sb="8" eb="9">
      <t>ヒ</t>
    </rPh>
    <phoneticPr fontId="1"/>
  </si>
  <si>
    <t>・行事参加費</t>
    <rPh sb="1" eb="3">
      <t>ギョウジ</t>
    </rPh>
    <rPh sb="3" eb="6">
      <t>サンカヒ</t>
    </rPh>
    <phoneticPr fontId="1"/>
  </si>
  <si>
    <t>・通園送迎費</t>
    <rPh sb="1" eb="3">
      <t>ツウエン</t>
    </rPh>
    <rPh sb="3" eb="5">
      <t>ソウゲイ</t>
    </rPh>
    <rPh sb="5" eb="6">
      <t>ヒ</t>
    </rPh>
    <phoneticPr fontId="1"/>
  </si>
  <si>
    <t>　②事業所の所在地</t>
    <phoneticPr fontId="1"/>
  </si>
  <si>
    <t>②</t>
    <phoneticPr fontId="1"/>
  </si>
  <si>
    <t>〒</t>
    <phoneticPr fontId="1"/>
  </si>
  <si>
    <t>Tel</t>
    <phoneticPr fontId="1"/>
  </si>
  <si>
    <t>　①事業所の名称</t>
    <phoneticPr fontId="1"/>
  </si>
  <si>
    <t>　③設置者名</t>
    <phoneticPr fontId="1"/>
  </si>
  <si>
    <t>代表者名</t>
    <phoneticPr fontId="1"/>
  </si>
  <si>
    <t>（令和</t>
    <rPh sb="1" eb="3">
      <t>レイワ</t>
    </rPh>
    <phoneticPr fontId="1"/>
  </si>
  <si>
    <t>Ｂ 保育従事者（Ａを除く）</t>
    <phoneticPr fontId="1"/>
  </si>
  <si>
    <t>Ｃ合計（Ａ＋Ｂ）</t>
    <phoneticPr fontId="1"/>
  </si>
  <si>
    <t>　　　　　　　　　　　人</t>
    <rPh sb="11" eb="12">
      <t>ヒト</t>
    </rPh>
    <phoneticPr fontId="1"/>
  </si>
  <si>
    <t>　　　　　　　　　　　　　　人</t>
    <rPh sb="14" eb="15">
      <t>ヒト</t>
    </rPh>
    <phoneticPr fontId="1"/>
  </si>
  <si>
    <t>常勤　　　　　　　人</t>
    <rPh sb="0" eb="2">
      <t>ジョウキン</t>
    </rPh>
    <rPh sb="9" eb="10">
      <t>ヒト</t>
    </rPh>
    <phoneticPr fontId="1"/>
  </si>
  <si>
    <t>非常勤　　　　　　人</t>
    <rPh sb="0" eb="3">
      <t>ヒジョウキンジョウキン</t>
    </rPh>
    <rPh sb="9" eb="10">
      <t>ヒト</t>
    </rPh>
    <phoneticPr fontId="1"/>
  </si>
  <si>
    <t>・保育業務への従事</t>
    <phoneticPr fontId="1"/>
  </si>
  <si>
    <t>　　従事している</t>
    <phoneticPr fontId="1"/>
  </si>
  <si>
    <t>　　従事していない</t>
    <phoneticPr fontId="1"/>
  </si>
  <si>
    <t>　　人</t>
    <rPh sb="2" eb="3">
      <t>ヒト</t>
    </rPh>
    <phoneticPr fontId="1"/>
  </si>
  <si>
    <t>家庭的保育者</t>
    <rPh sb="0" eb="3">
      <t>カテイテキ</t>
    </rPh>
    <phoneticPr fontId="1"/>
  </si>
  <si>
    <t>　　保育士</t>
    <phoneticPr fontId="1"/>
  </si>
  <si>
    <t>基準で定める研修修了者</t>
    <rPh sb="0" eb="2">
      <t>キジュン</t>
    </rPh>
    <rPh sb="3" eb="4">
      <t>サダ</t>
    </rPh>
    <phoneticPr fontId="1"/>
  </si>
  <si>
    <t>　　看護師</t>
    <phoneticPr fontId="1"/>
  </si>
  <si>
    <t>その他（　　　　　　　）</t>
    <rPh sb="2" eb="3">
      <t>タ</t>
    </rPh>
    <phoneticPr fontId="1"/>
  </si>
  <si>
    <t>　　その他（　　　）</t>
    <phoneticPr fontId="1"/>
  </si>
  <si>
    <t>（添付書類）</t>
    <rPh sb="1" eb="3">
      <t>テンプ</t>
    </rPh>
    <rPh sb="3" eb="5">
      <t>ショルイ</t>
    </rPh>
    <phoneticPr fontId="1"/>
  </si>
  <si>
    <t>1　（利用料金の記載に当たり、当様式により難い場合）利用形態別・年齢別料金がわかる書類</t>
    <rPh sb="3" eb="5">
      <t>リヨウ</t>
    </rPh>
    <rPh sb="5" eb="7">
      <t>リョウキン</t>
    </rPh>
    <rPh sb="8" eb="10">
      <t>キサイ</t>
    </rPh>
    <rPh sb="11" eb="12">
      <t>ア</t>
    </rPh>
    <rPh sb="15" eb="16">
      <t>トウ</t>
    </rPh>
    <rPh sb="16" eb="18">
      <t>ヨウシキ</t>
    </rPh>
    <rPh sb="21" eb="22">
      <t>ガタ</t>
    </rPh>
    <rPh sb="23" eb="25">
      <t>バアイ</t>
    </rPh>
    <rPh sb="26" eb="28">
      <t>リヨウ</t>
    </rPh>
    <rPh sb="28" eb="31">
      <t>ケイタイベツ</t>
    </rPh>
    <rPh sb="32" eb="35">
      <t>ネンレイベツ</t>
    </rPh>
    <rPh sb="35" eb="37">
      <t>リョウキン</t>
    </rPh>
    <rPh sb="41" eb="43">
      <t>ショルイ</t>
    </rPh>
    <phoneticPr fontId="1"/>
  </si>
  <si>
    <t>2　有資格者（保育士、看護師・准看護師）について、保育士登録証の写し等の資格が確認できる書類</t>
    <rPh sb="2" eb="6">
      <t>ユウシカクシャ</t>
    </rPh>
    <rPh sb="7" eb="10">
      <t>ホイクシ</t>
    </rPh>
    <rPh sb="11" eb="14">
      <t>カンゴシ</t>
    </rPh>
    <rPh sb="15" eb="19">
      <t>ジュンカンゴシ</t>
    </rPh>
    <phoneticPr fontId="1"/>
  </si>
  <si>
    <t>5　パンフレットなど施設の運営状況を把握する上で参考となる資料</t>
    <rPh sb="10" eb="12">
      <t>シセツ</t>
    </rPh>
    <rPh sb="13" eb="15">
      <t>ウンエイ</t>
    </rPh>
    <rPh sb="15" eb="17">
      <t>ジョウキョウ</t>
    </rPh>
    <rPh sb="18" eb="20">
      <t>ハアク</t>
    </rPh>
    <rPh sb="22" eb="23">
      <t>ウエ</t>
    </rPh>
    <rPh sb="24" eb="26">
      <t>サンコウ</t>
    </rPh>
    <rPh sb="29" eb="31">
      <t>シリョウ</t>
    </rPh>
    <phoneticPr fontId="1"/>
  </si>
  <si>
    <t>バス</t>
    <phoneticPr fontId="1"/>
  </si>
  <si>
    <t>管理者名</t>
    <phoneticPr fontId="1"/>
  </si>
  <si>
    <t>　本県と連絡をとる際に使用しますので、連絡のとりやすいメールアドレスを記入してください。</t>
    <rPh sb="1" eb="3">
      <t>ホンケン</t>
    </rPh>
    <rPh sb="4" eb="6">
      <t>レンラク</t>
    </rPh>
    <rPh sb="9" eb="10">
      <t>サイ</t>
    </rPh>
    <rPh sb="11" eb="13">
      <t>シヨウ</t>
    </rPh>
    <rPh sb="19" eb="21">
      <t>レンラク</t>
    </rPh>
    <rPh sb="35" eb="37">
      <t>キニュウ</t>
    </rPh>
    <phoneticPr fontId="1"/>
  </si>
  <si>
    <t>3　私設保育施設指導監督基準１（２）イで定める研修の修了者について、修了証書等の研修修了が確認できる書類</t>
    <rPh sb="2" eb="4">
      <t>シセツ</t>
    </rPh>
    <rPh sb="4" eb="6">
      <t>ホイク</t>
    </rPh>
    <rPh sb="6" eb="8">
      <t>シセツ</t>
    </rPh>
    <rPh sb="8" eb="10">
      <t>シドウ</t>
    </rPh>
    <rPh sb="10" eb="12">
      <t>カントク</t>
    </rPh>
    <rPh sb="12" eb="14">
      <t>キジュン</t>
    </rPh>
    <rPh sb="34" eb="37">
      <t>シュウリョウショウ</t>
    </rPh>
    <rPh sb="37" eb="38">
      <t>ショ</t>
    </rPh>
    <rPh sb="38" eb="39">
      <t>トウ</t>
    </rPh>
    <rPh sb="40" eb="42">
      <t>ケンシュウ</t>
    </rPh>
    <rPh sb="42" eb="44">
      <t>シュウリョウ</t>
    </rPh>
    <rPh sb="45" eb="47">
      <t>カクニン</t>
    </rPh>
    <rPh sb="50" eb="52">
      <t>ショルイ</t>
    </rPh>
    <phoneticPr fontId="1"/>
  </si>
  <si>
    <t>【②】</t>
    <phoneticPr fontId="1"/>
  </si>
  <si>
    <t>乳幼児突然死症候群に対する注意</t>
    <rPh sb="10" eb="11">
      <t>タイ</t>
    </rPh>
    <rPh sb="13" eb="15">
      <t>チュウイ</t>
    </rPh>
    <phoneticPr fontId="1"/>
  </si>
  <si>
    <t xml:space="preserve">  定員について特に定めがない場合には、貴事業所において職員配置等を考慮して同時に保育を行うことが可能な人数を記入してください。個人で事業を実施している場合は記入不要です。</t>
    <phoneticPr fontId="1"/>
  </si>
  <si>
    <t xml:space="preserve">  運営状況報告記入日において職務に従事している全ての職員について配置数を記入し、うち、実際保育に従事している職員について記入してください。なお、事業所長についても実際に保育に従事している場合はこれに含めてください。個人で事業を実施している場合は記入不要です。</t>
    <phoneticPr fontId="1"/>
  </si>
  <si>
    <t>　保育に従事している職員の有資格者数並びに私設保育施設指導監督基準１（２）イで定める研修の修了者について記入してください。なお、事業所長についても実際に保育に従事している場合は研修の受講状況について記入ください。</t>
    <rPh sb="1" eb="3">
      <t>ホイク</t>
    </rPh>
    <rPh sb="4" eb="6">
      <t>ジュウジ</t>
    </rPh>
    <rPh sb="10" eb="12">
      <t>ショクイン</t>
    </rPh>
    <rPh sb="52" eb="54">
      <t>キニュウ</t>
    </rPh>
    <rPh sb="88" eb="90">
      <t>ケンシュウ</t>
    </rPh>
    <rPh sb="91" eb="93">
      <t>ジュコウ</t>
    </rPh>
    <rPh sb="93" eb="95">
      <t>ジョウキョウ</t>
    </rPh>
    <rPh sb="99" eb="101">
      <t>キニュウ</t>
    </rPh>
    <phoneticPr fontId="1"/>
  </si>
  <si>
    <t>　職務に従事する全ての職員（事業所長、保育従事者、調理員、その他の職員）の研修等の直近３回の参加状況について記入してください。個人で事業を実施している場合は当該個人の参加状況を記入してください。</t>
    <rPh sb="1" eb="3">
      <t>ショクム</t>
    </rPh>
    <rPh sb="4" eb="6">
      <t>ジュウジ</t>
    </rPh>
    <rPh sb="8" eb="9">
      <t>スベ</t>
    </rPh>
    <rPh sb="11" eb="13">
      <t>ショクイン</t>
    </rPh>
    <rPh sb="14" eb="16">
      <t>ジギョウ</t>
    </rPh>
    <rPh sb="16" eb="18">
      <t>ショチョウ</t>
    </rPh>
    <rPh sb="19" eb="21">
      <t>ホイク</t>
    </rPh>
    <rPh sb="21" eb="24">
      <t>ジュウジシャ</t>
    </rPh>
    <rPh sb="25" eb="28">
      <t>チョウリイン</t>
    </rPh>
    <rPh sb="31" eb="32">
      <t>タ</t>
    </rPh>
    <rPh sb="33" eb="35">
      <t>ショクイン</t>
    </rPh>
    <rPh sb="37" eb="39">
      <t>ケンシュウ</t>
    </rPh>
    <rPh sb="39" eb="40">
      <t>トウ</t>
    </rPh>
    <rPh sb="41" eb="43">
      <t>チョッキン</t>
    </rPh>
    <rPh sb="44" eb="45">
      <t>カイ</t>
    </rPh>
    <rPh sb="46" eb="48">
      <t>サンカ</t>
    </rPh>
    <rPh sb="48" eb="50">
      <t>ジョウキョウ</t>
    </rPh>
    <rPh sb="54" eb="56">
      <t>キニュウ</t>
    </rPh>
    <phoneticPr fontId="1"/>
  </si>
  <si>
    <t>　貴事業所における研修の実施状況について、実施している場合（都道府県等が実施する研修への参加を含む）は、（　　）内にその回数を記入してください。２年に１回実施している場合は、「年　0.5　回」と記入してください。個人で事業を実施している場合は参加状況を記入してください。</t>
    <rPh sb="1" eb="2">
      <t>キ</t>
    </rPh>
    <rPh sb="2" eb="5">
      <t>ジギョウショ</t>
    </rPh>
    <rPh sb="21" eb="23">
      <t>ジッシ</t>
    </rPh>
    <rPh sb="30" eb="34">
      <t>トドウフケン</t>
    </rPh>
    <rPh sb="34" eb="35">
      <t>トウ</t>
    </rPh>
    <rPh sb="36" eb="38">
      <t>ジッシ</t>
    </rPh>
    <rPh sb="44" eb="46">
      <t>サンカ</t>
    </rPh>
    <rPh sb="47" eb="48">
      <t>フク</t>
    </rPh>
    <phoneticPr fontId="1"/>
  </si>
  <si>
    <t>　貴事業所における安全管理・事故防止の取組について、研修を実施している場合（都道府県等が実施する研修への参加を含む）は、（　　）内にその回数を記入してください。２年に１回実施している場合は、「年　0.5　回」と記入してください。個人で事業を実施している場合は参加状況を記入してください。</t>
    <rPh sb="1" eb="2">
      <t>キ</t>
    </rPh>
    <rPh sb="2" eb="5">
      <t>ジギョウショ</t>
    </rPh>
    <rPh sb="19" eb="21">
      <t>トリクミ</t>
    </rPh>
    <rPh sb="26" eb="28">
      <t>ケンシュウ</t>
    </rPh>
    <rPh sb="29" eb="31">
      <t>ジッシ</t>
    </rPh>
    <phoneticPr fontId="1"/>
  </si>
  <si>
    <t>　職員の健康診断のうち「採用後」については、運営状況報告記入日の年度の実施状況で、それぞれあてはまるもの１つを○で囲んでください。個人で事業を実施する場合は、年１回の健康診断の実施の有無について記入す
ること。</t>
    <rPh sb="12" eb="15">
      <t>サイヨウゴ</t>
    </rPh>
    <rPh sb="35" eb="37">
      <t>ジッシ</t>
    </rPh>
    <rPh sb="37" eb="39">
      <t>ジョウキョウ</t>
    </rPh>
    <phoneticPr fontId="1"/>
  </si>
  <si>
    <r>
      <rPr>
        <sz val="11"/>
        <rFont val="ＭＳ 明朝"/>
        <family val="1"/>
        <charset val="128"/>
      </rPr>
      <t>4</t>
    </r>
    <r>
      <rPr>
        <sz val="10"/>
        <rFont val="ＭＳ 明朝"/>
        <family val="1"/>
        <charset val="128"/>
      </rPr>
      <t>　</t>
    </r>
    <r>
      <rPr>
        <sz val="9"/>
        <rFont val="ＭＳ 明朝"/>
        <family val="1"/>
        <charset val="128"/>
      </rPr>
      <t>マッチングサイトを利用する場合、マッチングサイトにより提供するサービスの内容に関する情報を伝達等していることが分かる書類</t>
    </r>
    <rPh sb="11" eb="13">
      <t>リヨウ</t>
    </rPh>
    <rPh sb="15" eb="17">
      <t>バアイ</t>
    </rPh>
    <phoneticPr fontId="1"/>
  </si>
  <si>
    <t>⑳</t>
    <phoneticPr fontId="1"/>
  </si>
  <si>
    <t>注：</t>
    <rPh sb="0" eb="1">
      <t>チュウ</t>
    </rPh>
    <phoneticPr fontId="1"/>
  </si>
  <si>
    <t>以下の内訳を記載するにあたって、複数の項目に該当する者（有資格者で研修も修了している、研修を複数修了している等）については、いずれかの項目にのみ計上すること。その際、有資格者については有資格者の欄に計上すること。</t>
    <rPh sb="0" eb="2">
      <t>イカ</t>
    </rPh>
    <rPh sb="19" eb="21">
      <t>コウモク</t>
    </rPh>
    <rPh sb="36" eb="38">
      <t>シュウリョウ</t>
    </rPh>
    <rPh sb="48" eb="50">
      <t>シュウリョウ</t>
    </rPh>
    <phoneticPr fontId="1"/>
  </si>
  <si>
    <t>（内訳）</t>
    <phoneticPr fontId="1"/>
  </si>
  <si>
    <t>・保育士又は看護師・准看護師の資格を有しておらず、かつ上記の研修のいずれも修了していない者</t>
    <rPh sb="1" eb="4">
      <t>ホイクシ</t>
    </rPh>
    <rPh sb="4" eb="5">
      <t>マタ</t>
    </rPh>
    <rPh sb="6" eb="9">
      <t>カンゴシ</t>
    </rPh>
    <rPh sb="10" eb="14">
      <t>ジュンカンゴシ</t>
    </rPh>
    <rPh sb="15" eb="17">
      <t>シカク</t>
    </rPh>
    <rPh sb="18" eb="19">
      <t>ユウ</t>
    </rPh>
    <rPh sb="27" eb="29">
      <t>ジョウキ</t>
    </rPh>
    <rPh sb="30" eb="32">
      <t>ケンシュウ</t>
    </rPh>
    <rPh sb="37" eb="39">
      <t>シュウリョウ</t>
    </rPh>
    <rPh sb="44" eb="45">
      <t>シャ</t>
    </rPh>
    <phoneticPr fontId="1"/>
  </si>
  <si>
    <t>人</t>
    <rPh sb="0" eb="1">
      <t>ニン</t>
    </rPh>
    <phoneticPr fontId="1"/>
  </si>
  <si>
    <t>（うち、採用した日から１年を超えていない者</t>
    <phoneticPr fontId="1"/>
  </si>
  <si>
    <t>人）</t>
    <rPh sb="0" eb="1">
      <t>ニン</t>
    </rPh>
    <phoneticPr fontId="1"/>
  </si>
  <si>
    <t>＊</t>
    <phoneticPr fontId="1"/>
  </si>
  <si>
    <t>複数の保育に従事する者を雇用しているものの場合、「うち、採用した日から１年を超えていない者」については、認可外保育施設指導監督基準の第１の２⑵イの基準を満たすには、採用後１年以内に研修を修了する必要があることに留意すること。</t>
    <rPh sb="0" eb="2">
      <t>フクスウ</t>
    </rPh>
    <rPh sb="3" eb="5">
      <t>ホイク</t>
    </rPh>
    <rPh sb="6" eb="8">
      <t>ジュウジ</t>
    </rPh>
    <rPh sb="10" eb="11">
      <t>シャ</t>
    </rPh>
    <rPh sb="12" eb="14">
      <t>コヨウ</t>
    </rPh>
    <rPh sb="21" eb="23">
      <t>バアイ</t>
    </rPh>
    <rPh sb="28" eb="30">
      <t>サイヨウ</t>
    </rPh>
    <rPh sb="32" eb="33">
      <t>ヒ</t>
    </rPh>
    <rPh sb="36" eb="37">
      <t>ネン</t>
    </rPh>
    <rPh sb="38" eb="39">
      <t>コ</t>
    </rPh>
    <rPh sb="44" eb="45">
      <t>シャ</t>
    </rPh>
    <rPh sb="52" eb="54">
      <t>ニンカ</t>
    </rPh>
    <phoneticPr fontId="1"/>
  </si>
  <si>
    <t>設置者が過去に事業停止命令又は施設閉鎖命令を受けたか否かの別（受けたことがある場合には、その命令の内容を含む。）</t>
    <rPh sb="0" eb="2">
      <t>セッチ</t>
    </rPh>
    <rPh sb="2" eb="3">
      <t>シャ</t>
    </rPh>
    <rPh sb="4" eb="6">
      <t>カコ</t>
    </rPh>
    <rPh sb="7" eb="9">
      <t>ジギョウ</t>
    </rPh>
    <rPh sb="9" eb="11">
      <t>テイシ</t>
    </rPh>
    <rPh sb="11" eb="13">
      <t>メイレイ</t>
    </rPh>
    <rPh sb="13" eb="14">
      <t>マタ</t>
    </rPh>
    <rPh sb="15" eb="17">
      <t>シセツ</t>
    </rPh>
    <rPh sb="17" eb="19">
      <t>ヘイサ</t>
    </rPh>
    <rPh sb="19" eb="21">
      <t>メイレイ</t>
    </rPh>
    <rPh sb="22" eb="23">
      <t>ウ</t>
    </rPh>
    <rPh sb="26" eb="27">
      <t>イナ</t>
    </rPh>
    <rPh sb="29" eb="30">
      <t>ベツ</t>
    </rPh>
    <rPh sb="31" eb="32">
      <t>ウ</t>
    </rPh>
    <rPh sb="39" eb="41">
      <t>バアイ</t>
    </rPh>
    <rPh sb="46" eb="48">
      <t>メイレイ</t>
    </rPh>
    <rPh sb="49" eb="51">
      <t>ナイヨウ</t>
    </rPh>
    <rPh sb="52" eb="53">
      <t>フク</t>
    </rPh>
    <phoneticPr fontId="1"/>
  </si>
  <si>
    <t>（有の場合、その命令の内容）</t>
    <rPh sb="1" eb="2">
      <t>ユウ</t>
    </rPh>
    <rPh sb="3" eb="5">
      <t>バアイ</t>
    </rPh>
    <rPh sb="8" eb="10">
      <t>メイレイ</t>
    </rPh>
    <rPh sb="11" eb="13">
      <t>ナイヨウ</t>
    </rPh>
    <phoneticPr fontId="1"/>
  </si>
  <si>
    <t>事業停止命令</t>
    <rPh sb="0" eb="2">
      <t>ジギョウ</t>
    </rPh>
    <rPh sb="2" eb="4">
      <t>テイシ</t>
    </rPh>
    <rPh sb="4" eb="6">
      <t>メイレイ</t>
    </rPh>
    <phoneticPr fontId="1"/>
  </si>
  <si>
    <t>・</t>
    <phoneticPr fontId="1"/>
  </si>
  <si>
    <t>施設閉鎖命令</t>
    <rPh sb="0" eb="2">
      <t>シセツ</t>
    </rPh>
    <rPh sb="2" eb="4">
      <t>ヘイサ</t>
    </rPh>
    <rPh sb="4" eb="6">
      <t>メイレイ</t>
    </rPh>
    <phoneticPr fontId="1"/>
  </si>
  <si>
    <t>その命令を行った都道府県等名及び年月日</t>
    <phoneticPr fontId="1"/>
  </si>
  <si>
    <t>（　　　　　　　　　　　　：　　　年　　月　　日）</t>
    <rPh sb="17" eb="18">
      <t>ネン</t>
    </rPh>
    <rPh sb="20" eb="21">
      <t>ツキ</t>
    </rPh>
    <rPh sb="23" eb="24">
      <t>ニチ</t>
    </rPh>
    <phoneticPr fontId="1"/>
  </si>
  <si>
    <t>㊵</t>
    <phoneticPr fontId="1"/>
  </si>
  <si>
    <t>　事業停止命令又は施設閉鎖命令は、法第59条第５項に規定する命令であり、法第59条の２に規定する業務を目的とする施設に対するものに限ります。</t>
    <rPh sb="17" eb="18">
      <t>ホウ</t>
    </rPh>
    <rPh sb="18" eb="19">
      <t>ダイ</t>
    </rPh>
    <rPh sb="21" eb="22">
      <t>ジョウ</t>
    </rPh>
    <rPh sb="22" eb="23">
      <t>ダイ</t>
    </rPh>
    <rPh sb="24" eb="25">
      <t>コウ</t>
    </rPh>
    <rPh sb="26" eb="28">
      <t>キテイ</t>
    </rPh>
    <rPh sb="30" eb="32">
      <t>メイレイ</t>
    </rPh>
    <rPh sb="36" eb="38">
      <t>ホウダイ</t>
    </rPh>
    <rPh sb="40" eb="41">
      <t>ジョウ</t>
    </rPh>
    <rPh sb="44" eb="46">
      <t>キテイ</t>
    </rPh>
    <rPh sb="48" eb="50">
      <t>ギョウム</t>
    </rPh>
    <rPh sb="51" eb="53">
      <t>モクテキ</t>
    </rPh>
    <rPh sb="56" eb="58">
      <t>シセツ</t>
    </rPh>
    <rPh sb="59" eb="60">
      <t>タイ</t>
    </rPh>
    <rPh sb="65" eb="66">
      <t>カギ</t>
    </rPh>
    <phoneticPr fontId="1"/>
  </si>
  <si>
    <t>【㊵】</t>
    <phoneticPr fontId="1"/>
  </si>
  <si>
    <t>・保育士</t>
    <rPh sb="1" eb="4">
      <t>ホイクシ</t>
    </rPh>
    <phoneticPr fontId="1"/>
  </si>
  <si>
    <t>・看護師・准看護師</t>
    <rPh sb="1" eb="4">
      <t>カンゴシ</t>
    </rPh>
    <rPh sb="5" eb="9">
      <t>ジュンカンゴシ</t>
    </rPh>
    <phoneticPr fontId="1"/>
  </si>
  <si>
    <t>・居宅訪問型保育研修（基礎研修）修了者</t>
    <rPh sb="1" eb="3">
      <t>キョタク</t>
    </rPh>
    <rPh sb="3" eb="6">
      <t>ホウモンガタ</t>
    </rPh>
    <rPh sb="6" eb="8">
      <t>ホイク</t>
    </rPh>
    <rPh sb="8" eb="10">
      <t>ケンシュウ</t>
    </rPh>
    <rPh sb="11" eb="13">
      <t>キソ</t>
    </rPh>
    <rPh sb="13" eb="15">
      <t>ケンシュウ</t>
    </rPh>
    <rPh sb="16" eb="19">
      <t>シュウリョウシャ</t>
    </rPh>
    <phoneticPr fontId="1"/>
  </si>
  <si>
    <t>・子育て支援員研修（地域保育コース）修了者</t>
    <rPh sb="1" eb="3">
      <t>コソダ</t>
    </rPh>
    <rPh sb="4" eb="7">
      <t>シエンイン</t>
    </rPh>
    <rPh sb="7" eb="9">
      <t>ケンシュウ</t>
    </rPh>
    <rPh sb="10" eb="12">
      <t>チイキ</t>
    </rPh>
    <rPh sb="12" eb="14">
      <t>ホイク</t>
    </rPh>
    <rPh sb="18" eb="21">
      <t>シュウリョウシャ</t>
    </rPh>
    <phoneticPr fontId="1"/>
  </si>
  <si>
    <t>・家庭的保育者等研修（基礎研修）修了者</t>
    <rPh sb="1" eb="3">
      <t>カテイ</t>
    </rPh>
    <rPh sb="3" eb="4">
      <t>テキ</t>
    </rPh>
    <rPh sb="4" eb="7">
      <t>ホイクシャ</t>
    </rPh>
    <rPh sb="7" eb="8">
      <t>トウ</t>
    </rPh>
    <rPh sb="8" eb="10">
      <t>ケンシュウ</t>
    </rPh>
    <rPh sb="11" eb="13">
      <t>キソ</t>
    </rPh>
    <rPh sb="13" eb="15">
      <t>ケンシュウ</t>
    </rPh>
    <rPh sb="16" eb="19">
      <t>シュウリョウシャ</t>
    </rPh>
    <phoneticPr fontId="1"/>
  </si>
  <si>
    <t>・基準で定めるその他の研修（都道府県知事等が同等以上のものとして取り扱うものを含む。）を修了した者
（研修名：　  　　　　　　　　　　　　　　　　　　　　）</t>
    <rPh sb="1" eb="3">
      <t>キジュン</t>
    </rPh>
    <rPh sb="4" eb="5">
      <t>サダ</t>
    </rPh>
    <rPh sb="9" eb="10">
      <t>ホカ</t>
    </rPh>
    <rPh sb="11" eb="13">
      <t>ケンシュウ</t>
    </rPh>
    <rPh sb="14" eb="18">
      <t>トドウフケン</t>
    </rPh>
    <rPh sb="18" eb="20">
      <t>チジ</t>
    </rPh>
    <rPh sb="20" eb="21">
      <t>トウ</t>
    </rPh>
    <rPh sb="22" eb="24">
      <t>ドウトウ</t>
    </rPh>
    <rPh sb="24" eb="26">
      <t>イジョウ</t>
    </rPh>
    <rPh sb="32" eb="33">
      <t>ト</t>
    </rPh>
    <rPh sb="34" eb="35">
      <t>アツカ</t>
    </rPh>
    <rPh sb="39" eb="40">
      <t>フク</t>
    </rPh>
    <rPh sb="44" eb="46">
      <t>シュウリョウ</t>
    </rPh>
    <rPh sb="48" eb="49">
      <t>シャ</t>
    </rPh>
    <rPh sb="51" eb="53">
      <t>ケンシュウ</t>
    </rPh>
    <rPh sb="53" eb="54">
      <t>メイ</t>
    </rPh>
    <phoneticPr fontId="1"/>
  </si>
  <si>
    <t>㊶　保　育　従　事　者　の　状　況</t>
    <rPh sb="2" eb="3">
      <t>タモツ</t>
    </rPh>
    <rPh sb="4" eb="5">
      <t>イク</t>
    </rPh>
    <rPh sb="6" eb="7">
      <t>ジュウ</t>
    </rPh>
    <rPh sb="8" eb="9">
      <t>コト</t>
    </rPh>
    <rPh sb="10" eb="11">
      <t>シャ</t>
    </rPh>
    <rPh sb="14" eb="15">
      <t>ジョウ</t>
    </rPh>
    <rPh sb="16" eb="17">
      <t>キョ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quot;△ &quot;#,##0"/>
  </numFmts>
  <fonts count="12">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sz val="7"/>
      <name val="ＭＳ 明朝"/>
      <family val="1"/>
      <charset val="128"/>
    </font>
    <font>
      <sz val="12"/>
      <name val="平成ゴシック"/>
      <family val="3"/>
      <charset val="128"/>
    </font>
    <font>
      <sz val="16"/>
      <name val="ＭＳ 明朝"/>
      <family val="1"/>
      <charset val="128"/>
    </font>
    <font>
      <sz val="10.5"/>
      <name val="ＭＳ 明朝"/>
      <family val="1"/>
      <charset val="128"/>
    </font>
    <font>
      <sz val="8"/>
      <name val="ＭＳ Ｐゴシック"/>
      <family val="3"/>
      <charset val="128"/>
    </font>
    <font>
      <sz val="6"/>
      <name val="ＭＳ 明朝"/>
      <family val="1"/>
      <charset val="128"/>
    </font>
  </fonts>
  <fills count="2">
    <fill>
      <patternFill patternType="none"/>
    </fill>
    <fill>
      <patternFill patternType="gray125"/>
    </fill>
  </fills>
  <borders count="82">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dashed">
        <color indexed="64"/>
      </left>
      <right/>
      <top style="thin">
        <color indexed="64"/>
      </top>
      <bottom/>
      <diagonal/>
    </border>
    <border>
      <left style="dashed">
        <color indexed="64"/>
      </left>
      <right/>
      <top/>
      <bottom/>
      <diagonal/>
    </border>
    <border>
      <left style="dashed">
        <color indexed="64"/>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style="thin">
        <color indexed="64"/>
      </top>
      <bottom style="thin">
        <color indexed="64"/>
      </bottom>
      <diagonal/>
    </border>
    <border>
      <left style="thin">
        <color indexed="64"/>
      </left>
      <right/>
      <top style="hair">
        <color indexed="64"/>
      </top>
      <bottom style="thin">
        <color indexed="64"/>
      </bottom>
      <diagonal/>
    </border>
    <border>
      <left/>
      <right style="dashed">
        <color indexed="64"/>
      </right>
      <top/>
      <bottom style="thin">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style="dotted">
        <color indexed="64"/>
      </right>
      <top style="thin">
        <color indexed="64"/>
      </top>
      <bottom/>
      <diagonal/>
    </border>
    <border>
      <left/>
      <right style="dotted">
        <color indexed="64"/>
      </right>
      <top/>
      <bottom/>
      <diagonal/>
    </border>
    <border>
      <left/>
      <right style="dotted">
        <color indexed="64"/>
      </right>
      <top/>
      <bottom style="thin">
        <color indexed="64"/>
      </bottom>
      <diagonal/>
    </border>
  </borders>
  <cellStyleXfs count="1">
    <xf numFmtId="0" fontId="0" fillId="0" borderId="0"/>
  </cellStyleXfs>
  <cellXfs count="497">
    <xf numFmtId="0" fontId="0" fillId="0" borderId="0" xfId="0"/>
    <xf numFmtId="176" fontId="2" fillId="0" borderId="0" xfId="0" applyNumberFormat="1" applyFont="1" applyFill="1" applyBorder="1" applyAlignment="1">
      <alignment vertical="center"/>
    </xf>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9"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27" xfId="0" applyNumberFormat="1" applyFont="1" applyFill="1" applyBorder="1" applyAlignment="1">
      <alignment vertical="center"/>
    </xf>
    <xf numFmtId="176" fontId="3" fillId="0" borderId="22"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9" xfId="0" applyNumberFormat="1" applyFont="1" applyFill="1" applyBorder="1" applyAlignment="1">
      <alignment horizontal="right" vertical="center"/>
    </xf>
    <xf numFmtId="176" fontId="3" fillId="0" borderId="37" xfId="0" applyNumberFormat="1" applyFont="1" applyFill="1" applyBorder="1" applyAlignment="1">
      <alignment vertical="center"/>
    </xf>
    <xf numFmtId="176" fontId="3" fillId="0" borderId="29"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8" xfId="0" applyNumberFormat="1" applyFont="1" applyFill="1" applyBorder="1" applyAlignment="1">
      <alignment vertical="center"/>
    </xf>
    <xf numFmtId="176" fontId="3" fillId="0" borderId="26" xfId="0" applyNumberFormat="1" applyFont="1" applyFill="1" applyBorder="1" applyAlignment="1">
      <alignment vertical="center"/>
    </xf>
    <xf numFmtId="176" fontId="2" fillId="0" borderId="41" xfId="0" applyNumberFormat="1" applyFont="1" applyFill="1" applyBorder="1" applyAlignment="1">
      <alignment vertical="top"/>
    </xf>
    <xf numFmtId="176" fontId="2" fillId="0" borderId="2" xfId="0" applyNumberFormat="1" applyFont="1" applyFill="1" applyBorder="1" applyAlignment="1">
      <alignment vertical="top" wrapText="1"/>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6" fillId="0" borderId="0" xfId="0" applyNumberFormat="1" applyFont="1" applyFill="1" applyBorder="1" applyAlignment="1">
      <alignment vertical="center"/>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6"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2" fillId="0" borderId="42" xfId="0" applyNumberFormat="1" applyFont="1" applyFill="1" applyBorder="1" applyAlignment="1">
      <alignment vertical="top"/>
    </xf>
    <xf numFmtId="176" fontId="2" fillId="0" borderId="2" xfId="0" applyNumberFormat="1" applyFont="1" applyFill="1" applyBorder="1" applyAlignment="1">
      <alignment vertical="center"/>
    </xf>
    <xf numFmtId="176" fontId="6" fillId="0" borderId="0" xfId="0" applyNumberFormat="1" applyFont="1" applyFill="1" applyBorder="1" applyAlignment="1">
      <alignment horizontal="left" vertical="center"/>
    </xf>
    <xf numFmtId="176" fontId="6" fillId="0" borderId="3" xfId="0" applyNumberFormat="1" applyFont="1" applyFill="1" applyBorder="1" applyAlignment="1">
      <alignment horizontal="left" vertical="center"/>
    </xf>
    <xf numFmtId="176" fontId="3" fillId="0" borderId="66" xfId="0" applyNumberFormat="1" applyFont="1" applyFill="1" applyBorder="1" applyAlignment="1">
      <alignment vertical="center"/>
    </xf>
    <xf numFmtId="176" fontId="2" fillId="0" borderId="42" xfId="0" applyNumberFormat="1" applyFont="1" applyFill="1" applyBorder="1" applyAlignment="1">
      <alignment vertical="center"/>
    </xf>
    <xf numFmtId="176" fontId="2" fillId="0" borderId="42" xfId="0" applyNumberFormat="1" applyFont="1" applyFill="1" applyBorder="1" applyAlignment="1">
      <alignment horizontal="left" vertical="center" wrapText="1"/>
    </xf>
    <xf numFmtId="176" fontId="2" fillId="0" borderId="0" xfId="0" applyNumberFormat="1" applyFont="1" applyFill="1" applyBorder="1" applyAlignment="1">
      <alignment horizontal="left" vertical="center" wrapText="1"/>
    </xf>
    <xf numFmtId="176" fontId="2" fillId="0" borderId="43"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xf>
    <xf numFmtId="176" fontId="3" fillId="0" borderId="1" xfId="0" applyNumberFormat="1" applyFont="1" applyFill="1" applyBorder="1" applyAlignment="1">
      <alignment horizontal="right" vertical="center"/>
    </xf>
    <xf numFmtId="176" fontId="6" fillId="0" borderId="0" xfId="0" applyNumberFormat="1" applyFont="1" applyFill="1" applyBorder="1" applyAlignment="1">
      <alignment horizontal="center" vertical="center" wrapText="1"/>
    </xf>
    <xf numFmtId="176" fontId="4" fillId="0" borderId="0" xfId="0" applyNumberFormat="1" applyFont="1" applyFill="1" applyBorder="1" applyAlignment="1">
      <alignment vertical="center"/>
    </xf>
    <xf numFmtId="176" fontId="3" fillId="0" borderId="23" xfId="0" applyNumberFormat="1" applyFont="1" applyFill="1" applyBorder="1" applyAlignment="1">
      <alignment vertical="center"/>
    </xf>
    <xf numFmtId="176" fontId="3" fillId="0" borderId="68" xfId="0" applyNumberFormat="1" applyFont="1" applyFill="1" applyBorder="1" applyAlignment="1">
      <alignment vertical="center"/>
    </xf>
    <xf numFmtId="176" fontId="3" fillId="0" borderId="69" xfId="0" applyNumberFormat="1" applyFont="1" applyFill="1" applyBorder="1" applyAlignment="1">
      <alignment vertical="center"/>
    </xf>
    <xf numFmtId="176" fontId="3" fillId="0" borderId="56" xfId="0" applyNumberFormat="1" applyFont="1" applyFill="1" applyBorder="1" applyAlignment="1">
      <alignment vertical="center"/>
    </xf>
    <xf numFmtId="176" fontId="3" fillId="0" borderId="19" xfId="0" applyNumberFormat="1" applyFont="1" applyFill="1" applyBorder="1" applyAlignment="1">
      <alignment horizontal="left" vertical="center" wrapText="1"/>
    </xf>
    <xf numFmtId="176" fontId="3" fillId="0" borderId="20" xfId="0" applyNumberFormat="1" applyFont="1" applyFill="1" applyBorder="1" applyAlignment="1">
      <alignment horizontal="left" vertical="center"/>
    </xf>
    <xf numFmtId="176" fontId="3" fillId="0" borderId="20" xfId="0" applyNumberFormat="1" applyFont="1" applyFill="1" applyBorder="1" applyAlignment="1">
      <alignment horizontal="left" vertical="center" wrapText="1"/>
    </xf>
    <xf numFmtId="176" fontId="3" fillId="0" borderId="22" xfId="0" applyNumberFormat="1" applyFont="1" applyFill="1" applyBorder="1" applyAlignment="1">
      <alignment horizontal="left" vertical="center" wrapText="1"/>
    </xf>
    <xf numFmtId="176" fontId="3" fillId="0" borderId="23" xfId="0" applyNumberFormat="1" applyFont="1" applyFill="1" applyBorder="1" applyAlignment="1">
      <alignment horizontal="left" vertical="center" wrapText="1"/>
    </xf>
    <xf numFmtId="176" fontId="3" fillId="0" borderId="10" xfId="0" applyNumberFormat="1" applyFont="1" applyFill="1" applyBorder="1" applyAlignment="1">
      <alignment horizontal="center" vertical="center" textRotation="255"/>
    </xf>
    <xf numFmtId="176" fontId="3" fillId="0" borderId="70" xfId="0" applyNumberFormat="1" applyFont="1" applyFill="1" applyBorder="1" applyAlignment="1">
      <alignment vertical="center"/>
    </xf>
    <xf numFmtId="176" fontId="3" fillId="0" borderId="5" xfId="0" applyNumberFormat="1" applyFont="1" applyFill="1" applyBorder="1" applyAlignment="1">
      <alignment vertical="center" wrapText="1"/>
    </xf>
    <xf numFmtId="176" fontId="3" fillId="0" borderId="4" xfId="0" applyNumberFormat="1" applyFont="1" applyFill="1" applyBorder="1" applyAlignment="1">
      <alignment horizontal="distributed" vertical="center"/>
    </xf>
    <xf numFmtId="176" fontId="3" fillId="0" borderId="0" xfId="0" applyNumberFormat="1" applyFont="1" applyFill="1" applyBorder="1" applyAlignment="1">
      <alignment vertical="center" textRotation="255"/>
    </xf>
    <xf numFmtId="176" fontId="3" fillId="0" borderId="9" xfId="0" applyNumberFormat="1" applyFont="1" applyFill="1" applyBorder="1" applyAlignment="1">
      <alignment vertical="center" wrapText="1"/>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vertical="top"/>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3" fillId="0" borderId="10" xfId="0" applyNumberFormat="1" applyFont="1" applyFill="1" applyBorder="1" applyAlignment="1">
      <alignment vertical="center" wrapText="1"/>
    </xf>
    <xf numFmtId="176" fontId="3" fillId="0" borderId="66" xfId="0" applyNumberFormat="1" applyFont="1" applyFill="1" applyBorder="1" applyAlignment="1">
      <alignment horizontal="left" vertical="center"/>
    </xf>
    <xf numFmtId="176" fontId="3" fillId="0" borderId="55" xfId="0" applyNumberFormat="1" applyFont="1" applyFill="1" applyBorder="1" applyAlignment="1">
      <alignment horizontal="left" vertical="center"/>
    </xf>
    <xf numFmtId="176" fontId="3" fillId="0" borderId="62" xfId="0" applyNumberFormat="1" applyFont="1" applyFill="1" applyBorder="1" applyAlignment="1">
      <alignment vertical="center"/>
    </xf>
    <xf numFmtId="176" fontId="3" fillId="0" borderId="55" xfId="0" applyNumberFormat="1" applyFont="1" applyFill="1" applyBorder="1" applyAlignment="1">
      <alignment vertical="center"/>
    </xf>
    <xf numFmtId="176" fontId="3" fillId="0" borderId="62" xfId="0" applyNumberFormat="1" applyFont="1" applyFill="1" applyBorder="1" applyAlignment="1">
      <alignment horizontal="left" vertical="center"/>
    </xf>
    <xf numFmtId="176" fontId="4" fillId="0" borderId="0" xfId="0" applyNumberFormat="1" applyFont="1" applyFill="1" applyBorder="1" applyAlignment="1">
      <alignment vertical="center" wrapText="1" shrinkToFit="1"/>
    </xf>
    <xf numFmtId="176" fontId="2" fillId="0" borderId="8" xfId="0" applyNumberFormat="1" applyFont="1" applyFill="1" applyBorder="1" applyAlignment="1">
      <alignment horizontal="left" vertical="center"/>
    </xf>
    <xf numFmtId="176" fontId="2" fillId="0" borderId="3" xfId="0" applyNumberFormat="1" applyFont="1" applyFill="1" applyBorder="1" applyAlignment="1">
      <alignment horizontal="distributed" vertical="center"/>
    </xf>
    <xf numFmtId="176" fontId="2" fillId="0" borderId="3" xfId="0" applyNumberFormat="1" applyFont="1" applyFill="1" applyBorder="1" applyAlignment="1">
      <alignment horizontal="left" vertical="center"/>
    </xf>
    <xf numFmtId="176" fontId="2" fillId="0" borderId="5" xfId="0" applyNumberFormat="1" applyFont="1" applyFill="1" applyBorder="1" applyAlignment="1">
      <alignment horizontal="left" vertical="center"/>
    </xf>
    <xf numFmtId="176" fontId="2" fillId="0" borderId="2" xfId="0" applyNumberFormat="1" applyFont="1" applyFill="1" applyBorder="1" applyAlignment="1">
      <alignment horizontal="distributed" vertical="center"/>
    </xf>
    <xf numFmtId="176" fontId="2" fillId="0" borderId="41" xfId="0" applyNumberFormat="1" applyFont="1" applyFill="1" applyBorder="1" applyAlignment="1">
      <alignment horizontal="left" vertical="center"/>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2" fillId="0" borderId="0" xfId="0" applyNumberFormat="1" applyFont="1" applyFill="1" applyBorder="1" applyAlignment="1">
      <alignment horizontal="center" vertical="center"/>
    </xf>
    <xf numFmtId="176" fontId="2" fillId="0" borderId="4" xfId="0" applyNumberFormat="1" applyFont="1" applyFill="1" applyBorder="1" applyAlignment="1">
      <alignment horizontal="left" vertical="center"/>
    </xf>
    <xf numFmtId="176" fontId="2" fillId="0" borderId="6" xfId="0" applyNumberFormat="1" applyFont="1" applyFill="1" applyBorder="1" applyAlignment="1">
      <alignment vertical="center"/>
    </xf>
    <xf numFmtId="176" fontId="3" fillId="0" borderId="42" xfId="0" applyNumberFormat="1" applyFont="1" applyFill="1" applyBorder="1" applyAlignment="1">
      <alignment vertical="center"/>
    </xf>
    <xf numFmtId="176" fontId="3" fillId="0" borderId="43" xfId="0" applyNumberFormat="1" applyFont="1" applyFill="1" applyBorder="1" applyAlignment="1">
      <alignment vertical="center"/>
    </xf>
    <xf numFmtId="176" fontId="3" fillId="0" borderId="0" xfId="0" applyNumberFormat="1" applyFont="1" applyFill="1" applyBorder="1" applyAlignment="1">
      <alignment horizontal="right" vertical="center"/>
    </xf>
    <xf numFmtId="176" fontId="3" fillId="0" borderId="0" xfId="0" applyNumberFormat="1" applyFont="1" applyFill="1" applyBorder="1" applyAlignment="1">
      <alignment horizontal="left" vertical="top"/>
    </xf>
    <xf numFmtId="176" fontId="3" fillId="0" borderId="8"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10" xfId="0" applyNumberFormat="1" applyFont="1" applyFill="1" applyBorder="1" applyAlignment="1">
      <alignment horizontal="left" vertical="center"/>
    </xf>
    <xf numFmtId="176" fontId="3" fillId="0" borderId="1" xfId="0" applyNumberFormat="1" applyFont="1" applyFill="1" applyBorder="1" applyAlignment="1">
      <alignment horizontal="left" vertical="center"/>
    </xf>
    <xf numFmtId="176" fontId="3" fillId="0" borderId="2" xfId="0" applyNumberFormat="1" applyFont="1" applyFill="1" applyBorder="1" applyAlignment="1">
      <alignment vertical="center"/>
    </xf>
    <xf numFmtId="176" fontId="3" fillId="0" borderId="3" xfId="0" applyNumberFormat="1" applyFont="1" applyFill="1" applyBorder="1" applyAlignment="1">
      <alignment vertical="center"/>
    </xf>
    <xf numFmtId="176" fontId="2" fillId="0" borderId="4" xfId="0" applyNumberFormat="1" applyFont="1" applyFill="1" applyBorder="1" applyAlignment="1"/>
    <xf numFmtId="176" fontId="3" fillId="0" borderId="0" xfId="0" applyNumberFormat="1" applyFont="1" applyFill="1" applyBorder="1" applyAlignment="1">
      <alignment vertical="center"/>
    </xf>
    <xf numFmtId="176" fontId="3" fillId="0" borderId="30" xfId="0" applyNumberFormat="1" applyFont="1" applyFill="1" applyBorder="1" applyAlignment="1">
      <alignment vertical="center"/>
    </xf>
    <xf numFmtId="176" fontId="2" fillId="0" borderId="5" xfId="0" applyNumberFormat="1" applyFont="1" applyFill="1" applyBorder="1" applyAlignment="1">
      <alignment vertical="center"/>
    </xf>
    <xf numFmtId="176" fontId="2" fillId="0" borderId="2" xfId="0" applyNumberFormat="1" applyFont="1" applyFill="1" applyBorder="1" applyAlignment="1">
      <alignment vertical="center" wrapText="1"/>
    </xf>
    <xf numFmtId="0" fontId="10" fillId="0" borderId="2" xfId="0" applyFont="1" applyBorder="1"/>
    <xf numFmtId="0" fontId="10" fillId="0" borderId="11" xfId="0" applyFont="1" applyBorder="1"/>
    <xf numFmtId="0" fontId="10" fillId="0" borderId="0" xfId="0" applyFont="1" applyBorder="1"/>
    <xf numFmtId="0" fontId="10" fillId="0" borderId="6" xfId="0" applyFont="1" applyBorder="1"/>
    <xf numFmtId="176" fontId="2" fillId="0" borderId="6" xfId="0" applyNumberFormat="1" applyFont="1" applyFill="1" applyBorder="1" applyAlignment="1">
      <alignment horizontal="center" vertical="center"/>
    </xf>
    <xf numFmtId="176" fontId="2" fillId="0" borderId="4" xfId="0" applyNumberFormat="1" applyFont="1" applyFill="1" applyBorder="1" applyAlignment="1">
      <alignment horizontal="left" wrapText="1"/>
    </xf>
    <xf numFmtId="176" fontId="2" fillId="0" borderId="0" xfId="0" applyNumberFormat="1" applyFont="1" applyFill="1" applyBorder="1" applyAlignment="1">
      <alignment horizontal="left" wrapText="1"/>
    </xf>
    <xf numFmtId="0" fontId="10" fillId="0" borderId="0" xfId="0" applyFont="1" applyBorder="1" applyAlignment="1"/>
    <xf numFmtId="0" fontId="10" fillId="0" borderId="6" xfId="0" applyFont="1" applyBorder="1" applyAlignment="1"/>
    <xf numFmtId="176" fontId="2" fillId="0" borderId="0" xfId="0" applyNumberFormat="1" applyFont="1" applyFill="1" applyBorder="1" applyAlignment="1">
      <alignment horizontal="left" vertical="center"/>
    </xf>
    <xf numFmtId="176" fontId="2" fillId="0" borderId="0" xfId="0" applyNumberFormat="1" applyFont="1" applyFill="1" applyBorder="1" applyAlignment="1">
      <alignment horizontal="left" vertical="center" shrinkToFit="1"/>
    </xf>
    <xf numFmtId="176" fontId="2" fillId="0" borderId="8" xfId="0" applyNumberFormat="1" applyFont="1" applyFill="1" applyBorder="1" applyAlignment="1">
      <alignment vertical="center"/>
    </xf>
    <xf numFmtId="176" fontId="2" fillId="0" borderId="3" xfId="0" applyNumberFormat="1" applyFont="1" applyFill="1" applyBorder="1" applyAlignment="1">
      <alignment vertical="center" wrapText="1" shrinkToFit="1"/>
    </xf>
    <xf numFmtId="176" fontId="2" fillId="0" borderId="3" xfId="0" applyNumberFormat="1" applyFont="1" applyFill="1" applyBorder="1" applyAlignment="1">
      <alignment vertical="center" wrapText="1"/>
    </xf>
    <xf numFmtId="0" fontId="10" fillId="0" borderId="3" xfId="0" applyFont="1" applyBorder="1"/>
    <xf numFmtId="0" fontId="10" fillId="0" borderId="9" xfId="0" applyFont="1" applyBorder="1"/>
    <xf numFmtId="176" fontId="2" fillId="0" borderId="3" xfId="0" applyNumberFormat="1" applyFont="1" applyFill="1" applyBorder="1" applyAlignment="1">
      <alignment vertical="center" shrinkToFit="1"/>
    </xf>
    <xf numFmtId="176" fontId="2" fillId="0" borderId="3" xfId="0" applyNumberFormat="1" applyFont="1" applyFill="1" applyBorder="1" applyAlignment="1">
      <alignment vertical="center"/>
    </xf>
    <xf numFmtId="176" fontId="2" fillId="0" borderId="3" xfId="0" applyNumberFormat="1" applyFont="1" applyFill="1" applyBorder="1" applyAlignment="1">
      <alignment horizontal="center" vertical="center"/>
    </xf>
    <xf numFmtId="0" fontId="0" fillId="0" borderId="0" xfId="0" applyFont="1"/>
    <xf numFmtId="0" fontId="0" fillId="0" borderId="0" xfId="0" applyFont="1" applyFill="1"/>
    <xf numFmtId="0" fontId="0" fillId="0" borderId="20" xfId="0" applyFont="1" applyBorder="1"/>
    <xf numFmtId="0" fontId="0" fillId="0" borderId="45" xfId="0" applyFont="1" applyBorder="1"/>
    <xf numFmtId="0" fontId="0" fillId="0" borderId="0" xfId="0" applyFont="1" applyBorder="1"/>
    <xf numFmtId="0" fontId="0" fillId="0" borderId="80" xfId="0" applyFont="1" applyBorder="1"/>
    <xf numFmtId="0" fontId="0" fillId="0" borderId="3" xfId="0" applyFont="1" applyFill="1" applyBorder="1"/>
    <xf numFmtId="0" fontId="0" fillId="0" borderId="0" xfId="0" applyFont="1" applyBorder="1" applyAlignment="1">
      <alignment horizontal="left" vertical="center" wrapText="1"/>
    </xf>
    <xf numFmtId="176" fontId="2" fillId="0" borderId="4" xfId="0" applyNumberFormat="1" applyFont="1" applyFill="1" applyBorder="1" applyAlignment="1">
      <alignment vertical="top"/>
    </xf>
    <xf numFmtId="0" fontId="0" fillId="0" borderId="4" xfId="0" applyFont="1" applyBorder="1" applyAlignment="1">
      <alignment horizontal="left" vertical="center" wrapText="1"/>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4"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vertical="center" wrapText="1"/>
    </xf>
    <xf numFmtId="176" fontId="3" fillId="0" borderId="0" xfId="0" applyNumberFormat="1" applyFont="1" applyFill="1" applyBorder="1" applyAlignment="1">
      <alignment horizontal="center" vertical="center" wrapText="1"/>
    </xf>
    <xf numFmtId="176" fontId="7" fillId="0" borderId="0" xfId="0" applyNumberFormat="1" applyFont="1" applyFill="1" applyBorder="1" applyAlignment="1">
      <alignment horizontal="center" vertical="center"/>
    </xf>
    <xf numFmtId="176" fontId="3" fillId="0" borderId="0" xfId="0" applyNumberFormat="1" applyFont="1" applyFill="1" applyBorder="1" applyAlignment="1">
      <alignment vertical="top" wrapText="1"/>
    </xf>
    <xf numFmtId="176" fontId="5" fillId="0" borderId="2" xfId="0" applyNumberFormat="1" applyFont="1" applyFill="1" applyBorder="1" applyAlignment="1">
      <alignment vertical="center"/>
    </xf>
    <xf numFmtId="176" fontId="3" fillId="0" borderId="3" xfId="0" applyNumberFormat="1" applyFont="1" applyFill="1" applyBorder="1" applyAlignment="1">
      <alignment horizontal="center" vertical="center"/>
    </xf>
    <xf numFmtId="176" fontId="4" fillId="0" borderId="3" xfId="0" applyNumberFormat="1" applyFont="1" applyFill="1" applyBorder="1" applyAlignment="1">
      <alignment vertical="center" wrapText="1"/>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wrapText="1"/>
    </xf>
    <xf numFmtId="176" fontId="3" fillId="0" borderId="2" xfId="0" applyNumberFormat="1" applyFont="1" applyFill="1" applyBorder="1" applyAlignment="1">
      <alignment horizontal="left" vertical="center" wrapText="1"/>
    </xf>
    <xf numFmtId="176" fontId="3" fillId="0" borderId="23"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20" xfId="0" applyNumberFormat="1" applyFont="1" applyFill="1" applyBorder="1" applyAlignment="1">
      <alignment horizontal="center" vertical="center"/>
    </xf>
    <xf numFmtId="176" fontId="3" fillId="0" borderId="2" xfId="0" applyNumberFormat="1" applyFont="1" applyFill="1" applyBorder="1" applyAlignment="1">
      <alignment vertical="center" wrapText="1"/>
    </xf>
    <xf numFmtId="176" fontId="3" fillId="0" borderId="3"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0" xfId="0" applyNumberFormat="1" applyFont="1" applyFill="1" applyBorder="1" applyAlignment="1">
      <alignment horizontal="distributed" vertical="center"/>
    </xf>
    <xf numFmtId="176" fontId="3" fillId="0" borderId="0" xfId="0" applyNumberFormat="1" applyFont="1" applyFill="1" applyBorder="1" applyAlignment="1">
      <alignment horizontal="left" vertical="center"/>
    </xf>
    <xf numFmtId="176" fontId="3" fillId="0" borderId="8"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2" fillId="0" borderId="0" xfId="0" applyNumberFormat="1" applyFont="1" applyFill="1" applyBorder="1" applyAlignment="1">
      <alignment horizontal="right" vertical="center"/>
    </xf>
    <xf numFmtId="176" fontId="3" fillId="0" borderId="5" xfId="0" applyNumberFormat="1" applyFont="1" applyFill="1" applyBorder="1" applyAlignment="1">
      <alignment horizontal="left" vertical="center" wrapText="1"/>
    </xf>
    <xf numFmtId="176" fontId="3" fillId="0" borderId="4" xfId="0" applyNumberFormat="1" applyFont="1" applyFill="1" applyBorder="1" applyAlignment="1">
      <alignment horizontal="left" vertical="center" wrapText="1"/>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3" fillId="0" borderId="21"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26"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3" xfId="0" applyNumberFormat="1" applyFont="1" applyFill="1" applyBorder="1" applyAlignment="1">
      <alignment horizontal="right" vertical="center"/>
    </xf>
    <xf numFmtId="176" fontId="4" fillId="0" borderId="0" xfId="0" applyNumberFormat="1" applyFont="1" applyFill="1" applyBorder="1" applyAlignment="1">
      <alignment horizontal="distributed" vertical="center"/>
    </xf>
    <xf numFmtId="176" fontId="3" fillId="0" borderId="3" xfId="0" applyNumberFormat="1" applyFont="1" applyFill="1" applyBorder="1" applyAlignment="1">
      <alignment horizontal="distributed" vertical="center"/>
    </xf>
    <xf numFmtId="176" fontId="3" fillId="0" borderId="23" xfId="0" applyNumberFormat="1" applyFont="1" applyFill="1" applyBorder="1" applyAlignment="1">
      <alignment horizontal="left" vertical="center"/>
    </xf>
    <xf numFmtId="176" fontId="3" fillId="0" borderId="31" xfId="0" applyNumberFormat="1" applyFont="1" applyFill="1" applyBorder="1" applyAlignment="1">
      <alignment horizontal="left"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56" xfId="0" applyNumberFormat="1" applyFont="1" applyFill="1" applyBorder="1" applyAlignment="1">
      <alignment horizontal="center" vertical="center"/>
    </xf>
    <xf numFmtId="176" fontId="3" fillId="0" borderId="4" xfId="0" applyNumberFormat="1" applyFont="1" applyFill="1" applyBorder="1" applyAlignment="1">
      <alignment horizontal="left" vertical="center"/>
    </xf>
    <xf numFmtId="0" fontId="9" fillId="0" borderId="0" xfId="0" applyFont="1" applyAlignment="1"/>
    <xf numFmtId="176" fontId="3" fillId="0" borderId="5" xfId="0" applyNumberFormat="1" applyFont="1" applyFill="1" applyBorder="1" applyAlignment="1">
      <alignment horizontal="left" vertical="center"/>
    </xf>
    <xf numFmtId="176" fontId="4" fillId="0" borderId="0" xfId="0" applyNumberFormat="1" applyFont="1" applyFill="1" applyBorder="1" applyAlignment="1">
      <alignment horizontal="left" vertical="center" wrapText="1"/>
    </xf>
    <xf numFmtId="176" fontId="3" fillId="0" borderId="10" xfId="0" applyNumberFormat="1" applyFont="1" applyFill="1" applyBorder="1" applyAlignment="1">
      <alignment vertical="center"/>
    </xf>
    <xf numFmtId="176" fontId="2" fillId="0" borderId="4" xfId="0" applyNumberFormat="1" applyFont="1" applyFill="1" applyBorder="1" applyAlignment="1">
      <alignment vertical="center"/>
    </xf>
    <xf numFmtId="176" fontId="2" fillId="0" borderId="4" xfId="0" applyNumberFormat="1" applyFont="1" applyFill="1" applyBorder="1" applyAlignment="1">
      <alignment vertical="center" shrinkToFit="1"/>
    </xf>
    <xf numFmtId="176" fontId="5" fillId="0" borderId="0" xfId="0" applyNumberFormat="1" applyFont="1" applyFill="1" applyBorder="1" applyAlignment="1">
      <alignment vertical="center"/>
    </xf>
    <xf numFmtId="176" fontId="5" fillId="0" borderId="0" xfId="0" applyNumberFormat="1" applyFont="1" applyFill="1" applyBorder="1" applyAlignment="1">
      <alignment horizontal="left" vertical="top" wrapText="1"/>
    </xf>
    <xf numFmtId="0" fontId="0" fillId="0" borderId="5" xfId="0" applyFont="1" applyBorder="1" applyAlignment="1">
      <alignment horizontal="left" vertical="center" wrapText="1"/>
    </xf>
    <xf numFmtId="0" fontId="0" fillId="0" borderId="2" xfId="0" applyFont="1" applyBorder="1" applyAlignment="1">
      <alignment horizontal="left" vertical="center" wrapText="1"/>
    </xf>
    <xf numFmtId="0" fontId="0" fillId="0" borderId="68" xfId="0" applyFont="1" applyBorder="1" applyAlignment="1">
      <alignment horizontal="left" vertical="center" wrapText="1"/>
    </xf>
    <xf numFmtId="0" fontId="3" fillId="0" borderId="66" xfId="0" applyFont="1" applyBorder="1" applyAlignment="1">
      <alignment horizontal="left" vertical="center"/>
    </xf>
    <xf numFmtId="0" fontId="3"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69" xfId="0" applyFont="1" applyBorder="1" applyAlignment="1">
      <alignment horizontal="left" vertical="center" wrapText="1"/>
    </xf>
    <xf numFmtId="0" fontId="3" fillId="0" borderId="0" xfId="0" applyFont="1" applyBorder="1" applyAlignment="1">
      <alignment horizontal="left" vertical="center"/>
    </xf>
    <xf numFmtId="0" fontId="3" fillId="0" borderId="0" xfId="0" applyFont="1" applyBorder="1" applyAlignment="1">
      <alignment horizontal="left" vertical="center" wrapText="1"/>
    </xf>
    <xf numFmtId="0" fontId="0" fillId="0" borderId="6" xfId="0" applyFont="1" applyBorder="1" applyAlignment="1">
      <alignment horizontal="left" vertical="center" wrapText="1"/>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4" fillId="0" borderId="0" xfId="0" applyNumberFormat="1" applyFont="1" applyFill="1" applyBorder="1" applyAlignment="1">
      <alignment horizontal="center" vertical="center"/>
    </xf>
    <xf numFmtId="176" fontId="3" fillId="0" borderId="0" xfId="0" applyNumberFormat="1" applyFont="1" applyFill="1" applyBorder="1" applyAlignment="1">
      <alignment horizontal="center" vertical="top"/>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vertical="center" wrapText="1"/>
    </xf>
    <xf numFmtId="176" fontId="3" fillId="0" borderId="0" xfId="0" applyNumberFormat="1" applyFont="1" applyFill="1" applyBorder="1" applyAlignment="1">
      <alignment horizontal="center" vertical="center" wrapText="1"/>
    </xf>
    <xf numFmtId="176" fontId="7" fillId="0" borderId="0" xfId="0" applyNumberFormat="1" applyFont="1" applyFill="1" applyBorder="1" applyAlignment="1">
      <alignment horizontal="center" vertical="center"/>
    </xf>
    <xf numFmtId="176" fontId="4" fillId="0" borderId="5" xfId="0" applyNumberFormat="1" applyFont="1" applyFill="1" applyBorder="1" applyAlignment="1">
      <alignment horizontal="center"/>
    </xf>
    <xf numFmtId="176" fontId="4" fillId="0" borderId="2" xfId="0" applyNumberFormat="1" applyFont="1" applyFill="1" applyBorder="1" applyAlignment="1">
      <alignment horizontal="center"/>
    </xf>
    <xf numFmtId="176" fontId="4" fillId="0" borderId="11" xfId="0" applyNumberFormat="1" applyFont="1" applyFill="1" applyBorder="1" applyAlignment="1">
      <alignment horizontal="center"/>
    </xf>
    <xf numFmtId="176" fontId="4" fillId="0" borderId="8" xfId="0" applyNumberFormat="1" applyFont="1" applyFill="1" applyBorder="1" applyAlignment="1">
      <alignment horizontal="center"/>
    </xf>
    <xf numFmtId="176" fontId="4" fillId="0" borderId="3" xfId="0" applyNumberFormat="1" applyFont="1" applyFill="1" applyBorder="1" applyAlignment="1">
      <alignment horizontal="center"/>
    </xf>
    <xf numFmtId="176" fontId="4" fillId="0" borderId="9" xfId="0" applyNumberFormat="1" applyFont="1" applyFill="1" applyBorder="1" applyAlignment="1">
      <alignment horizontal="center"/>
    </xf>
    <xf numFmtId="176" fontId="4" fillId="0" borderId="5" xfId="0" applyNumberFormat="1" applyFont="1" applyFill="1" applyBorder="1" applyAlignment="1">
      <alignment horizontal="center" vertical="center"/>
    </xf>
    <xf numFmtId="176" fontId="4" fillId="0" borderId="2" xfId="0" applyNumberFormat="1" applyFont="1" applyFill="1" applyBorder="1" applyAlignment="1">
      <alignment horizontal="center" vertical="center"/>
    </xf>
    <xf numFmtId="176" fontId="4" fillId="0" borderId="11" xfId="0" applyNumberFormat="1" applyFont="1" applyFill="1" applyBorder="1" applyAlignment="1">
      <alignment horizontal="center" vertical="center"/>
    </xf>
    <xf numFmtId="176" fontId="4" fillId="0" borderId="8" xfId="0" applyNumberFormat="1" applyFont="1" applyFill="1" applyBorder="1" applyAlignment="1">
      <alignment horizontal="center" vertical="center"/>
    </xf>
    <xf numFmtId="176" fontId="4" fillId="0" borderId="3" xfId="0" applyNumberFormat="1" applyFont="1" applyFill="1" applyBorder="1" applyAlignment="1">
      <alignment horizontal="center" vertical="center"/>
    </xf>
    <xf numFmtId="176" fontId="4" fillId="0" borderId="9" xfId="0" applyNumberFormat="1" applyFont="1" applyFill="1" applyBorder="1" applyAlignment="1">
      <alignment horizontal="center" vertical="center"/>
    </xf>
    <xf numFmtId="176" fontId="5" fillId="0" borderId="5"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5" fillId="0" borderId="11" xfId="0" applyNumberFormat="1" applyFont="1" applyFill="1" applyBorder="1" applyAlignment="1">
      <alignment vertical="center"/>
    </xf>
    <xf numFmtId="176" fontId="5" fillId="0" borderId="8" xfId="0" applyNumberFormat="1" applyFont="1" applyFill="1" applyBorder="1" applyAlignment="1">
      <alignment vertical="center"/>
    </xf>
    <xf numFmtId="176" fontId="5" fillId="0" borderId="3" xfId="0" applyNumberFormat="1" applyFont="1" applyFill="1" applyBorder="1" applyAlignment="1">
      <alignment vertical="center"/>
    </xf>
    <xf numFmtId="176" fontId="5" fillId="0" borderId="9" xfId="0" applyNumberFormat="1" applyFont="1" applyFill="1" applyBorder="1" applyAlignment="1">
      <alignment vertical="center"/>
    </xf>
    <xf numFmtId="176" fontId="4" fillId="0" borderId="5" xfId="0" applyNumberFormat="1" applyFont="1" applyFill="1" applyBorder="1" applyAlignment="1">
      <alignment horizontal="right" vertical="center"/>
    </xf>
    <xf numFmtId="176" fontId="4" fillId="0" borderId="2" xfId="0" applyNumberFormat="1" applyFont="1" applyFill="1" applyBorder="1" applyAlignment="1">
      <alignment horizontal="right" vertical="center"/>
    </xf>
    <xf numFmtId="176" fontId="4" fillId="0" borderId="11" xfId="0" applyNumberFormat="1" applyFont="1" applyFill="1" applyBorder="1" applyAlignment="1">
      <alignment horizontal="right" vertical="center"/>
    </xf>
    <xf numFmtId="176" fontId="4" fillId="0" borderId="8" xfId="0" applyNumberFormat="1" applyFont="1" applyFill="1" applyBorder="1" applyAlignment="1">
      <alignment horizontal="right" vertical="center"/>
    </xf>
    <xf numFmtId="176" fontId="4" fillId="0" borderId="3" xfId="0" applyNumberFormat="1" applyFont="1" applyFill="1" applyBorder="1" applyAlignment="1">
      <alignment horizontal="right" vertical="center"/>
    </xf>
    <xf numFmtId="176" fontId="4" fillId="0" borderId="9" xfId="0" applyNumberFormat="1" applyFont="1" applyFill="1" applyBorder="1" applyAlignment="1">
      <alignment horizontal="right" vertical="center"/>
    </xf>
    <xf numFmtId="176" fontId="4" fillId="0" borderId="75" xfId="0" applyNumberFormat="1" applyFont="1" applyFill="1" applyBorder="1" applyAlignment="1">
      <alignment horizontal="center" vertical="center"/>
    </xf>
    <xf numFmtId="176" fontId="4" fillId="0" borderId="74" xfId="0" applyNumberFormat="1" applyFont="1" applyFill="1" applyBorder="1" applyAlignment="1">
      <alignment horizontal="center" vertical="center"/>
    </xf>
    <xf numFmtId="176" fontId="4" fillId="0" borderId="73" xfId="0" applyNumberFormat="1" applyFont="1" applyFill="1" applyBorder="1" applyAlignment="1">
      <alignment horizontal="center" vertical="center"/>
    </xf>
    <xf numFmtId="176" fontId="4" fillId="0" borderId="71" xfId="0" applyNumberFormat="1" applyFont="1" applyFill="1" applyBorder="1" applyAlignment="1">
      <alignment horizontal="center" vertical="center"/>
    </xf>
    <xf numFmtId="176" fontId="4" fillId="0" borderId="12" xfId="0" applyNumberFormat="1" applyFont="1" applyFill="1" applyBorder="1" applyAlignment="1">
      <alignment horizontal="center" vertical="center"/>
    </xf>
    <xf numFmtId="176" fontId="4" fillId="0" borderId="13"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4" fillId="0" borderId="5" xfId="0" applyNumberFormat="1" applyFont="1" applyFill="1" applyBorder="1" applyAlignment="1">
      <alignment horizontal="center" vertical="center" wrapText="1"/>
    </xf>
    <xf numFmtId="176" fontId="4" fillId="0" borderId="2" xfId="0" applyNumberFormat="1" applyFont="1" applyFill="1" applyBorder="1" applyAlignment="1">
      <alignment horizontal="center" vertical="center" wrapText="1"/>
    </xf>
    <xf numFmtId="176" fontId="4" fillId="0" borderId="11" xfId="0" applyNumberFormat="1" applyFont="1" applyFill="1" applyBorder="1" applyAlignment="1">
      <alignment horizontal="center" vertical="center" wrapText="1"/>
    </xf>
    <xf numFmtId="176" fontId="4" fillId="0" borderId="8" xfId="0" applyNumberFormat="1" applyFont="1" applyFill="1" applyBorder="1" applyAlignment="1">
      <alignment horizontal="center" vertical="center" wrapText="1"/>
    </xf>
    <xf numFmtId="176" fontId="4" fillId="0" borderId="3" xfId="0" applyNumberFormat="1" applyFont="1" applyFill="1" applyBorder="1" applyAlignment="1">
      <alignment horizontal="center" vertical="center" wrapText="1"/>
    </xf>
    <xf numFmtId="176" fontId="4" fillId="0" borderId="9" xfId="0" applyNumberFormat="1" applyFont="1" applyFill="1" applyBorder="1" applyAlignment="1">
      <alignment horizontal="center" vertical="center" wrapText="1"/>
    </xf>
    <xf numFmtId="176" fontId="4" fillId="0" borderId="5" xfId="0" applyNumberFormat="1" applyFont="1" applyFill="1" applyBorder="1" applyAlignment="1">
      <alignment horizontal="center" vertical="center" textRotation="255"/>
    </xf>
    <xf numFmtId="176" fontId="4" fillId="0" borderId="2" xfId="0" applyNumberFormat="1" applyFont="1" applyFill="1" applyBorder="1" applyAlignment="1">
      <alignment horizontal="center" vertical="center" textRotation="255"/>
    </xf>
    <xf numFmtId="176" fontId="4" fillId="0" borderId="11" xfId="0" applyNumberFormat="1" applyFont="1" applyFill="1" applyBorder="1" applyAlignment="1">
      <alignment horizontal="center" vertical="center" textRotation="255"/>
    </xf>
    <xf numFmtId="176" fontId="4" fillId="0" borderId="8" xfId="0" applyNumberFormat="1" applyFont="1" applyFill="1" applyBorder="1" applyAlignment="1">
      <alignment horizontal="center" vertical="center" textRotation="255"/>
    </xf>
    <xf numFmtId="176" fontId="4" fillId="0" borderId="3" xfId="0" applyNumberFormat="1" applyFont="1" applyFill="1" applyBorder="1" applyAlignment="1">
      <alignment horizontal="center" vertical="center" textRotation="255"/>
    </xf>
    <xf numFmtId="176" fontId="4" fillId="0" borderId="9" xfId="0" applyNumberFormat="1" applyFont="1" applyFill="1" applyBorder="1" applyAlignment="1">
      <alignment horizontal="center" vertical="center" textRotation="255"/>
    </xf>
    <xf numFmtId="176" fontId="4" fillId="0" borderId="5" xfId="0" applyNumberFormat="1" applyFont="1" applyFill="1" applyBorder="1" applyAlignment="1">
      <alignment vertical="center" wrapText="1"/>
    </xf>
    <xf numFmtId="176" fontId="4" fillId="0" borderId="2" xfId="0" applyNumberFormat="1" applyFont="1" applyFill="1" applyBorder="1" applyAlignment="1">
      <alignment vertical="center"/>
    </xf>
    <xf numFmtId="176" fontId="4" fillId="0" borderId="11" xfId="0" applyNumberFormat="1" applyFont="1" applyFill="1" applyBorder="1" applyAlignment="1">
      <alignment vertical="center"/>
    </xf>
    <xf numFmtId="176" fontId="4" fillId="0" borderId="8" xfId="0" applyNumberFormat="1" applyFont="1" applyFill="1" applyBorder="1" applyAlignment="1">
      <alignment vertical="center"/>
    </xf>
    <xf numFmtId="176" fontId="4" fillId="0" borderId="3" xfId="0" applyNumberFormat="1" applyFont="1" applyFill="1" applyBorder="1" applyAlignment="1">
      <alignment vertical="center"/>
    </xf>
    <xf numFmtId="176" fontId="4" fillId="0" borderId="9" xfId="0" applyNumberFormat="1" applyFont="1" applyFill="1" applyBorder="1" applyAlignment="1">
      <alignment vertical="center"/>
    </xf>
    <xf numFmtId="176" fontId="4" fillId="0" borderId="2" xfId="0" applyNumberFormat="1" applyFont="1" applyFill="1" applyBorder="1" applyAlignment="1">
      <alignment vertical="center" wrapText="1"/>
    </xf>
    <xf numFmtId="176" fontId="4" fillId="0" borderId="11" xfId="0" applyNumberFormat="1" applyFont="1" applyFill="1" applyBorder="1" applyAlignment="1">
      <alignment vertical="center" wrapText="1"/>
    </xf>
    <xf numFmtId="176" fontId="4" fillId="0" borderId="8" xfId="0" applyNumberFormat="1" applyFont="1" applyFill="1" applyBorder="1" applyAlignment="1">
      <alignment vertical="center" wrapText="1"/>
    </xf>
    <xf numFmtId="176" fontId="4" fillId="0" borderId="3" xfId="0" applyNumberFormat="1" applyFont="1" applyFill="1" applyBorder="1" applyAlignment="1">
      <alignment vertical="center" wrapText="1"/>
    </xf>
    <xf numFmtId="176" fontId="4" fillId="0" borderId="9" xfId="0" applyNumberFormat="1" applyFont="1" applyFill="1" applyBorder="1" applyAlignment="1">
      <alignment vertical="center" wrapText="1"/>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3" fillId="0" borderId="10"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wrapText="1"/>
    </xf>
    <xf numFmtId="176" fontId="3" fillId="0" borderId="67"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wrapText="1"/>
    </xf>
    <xf numFmtId="176" fontId="3" fillId="0" borderId="2" xfId="0" applyNumberFormat="1" applyFont="1" applyFill="1" applyBorder="1" applyAlignment="1">
      <alignment horizontal="left" vertical="center" wrapText="1"/>
    </xf>
    <xf numFmtId="176" fontId="3" fillId="0" borderId="11" xfId="0" applyNumberFormat="1" applyFont="1" applyFill="1" applyBorder="1" applyAlignment="1">
      <alignment horizontal="left" vertical="center" wrapText="1"/>
    </xf>
    <xf numFmtId="176" fontId="3" fillId="0" borderId="6" xfId="0" applyNumberFormat="1" applyFont="1" applyFill="1" applyBorder="1" applyAlignment="1">
      <alignment horizontal="left" vertical="center" wrapText="1"/>
    </xf>
    <xf numFmtId="176" fontId="3" fillId="0" borderId="23" xfId="0" applyNumberFormat="1" applyFont="1" applyFill="1" applyBorder="1" applyAlignment="1">
      <alignment horizontal="center" vertical="center"/>
    </xf>
    <xf numFmtId="176" fontId="3" fillId="0" borderId="66"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textRotation="255"/>
    </xf>
    <xf numFmtId="176" fontId="3" fillId="0" borderId="2"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3" fillId="0" borderId="20" xfId="0" applyNumberFormat="1" applyFont="1" applyFill="1" applyBorder="1" applyAlignment="1">
      <alignment horizontal="center" vertical="center"/>
    </xf>
    <xf numFmtId="176" fontId="3" fillId="0" borderId="2" xfId="0" applyNumberFormat="1" applyFont="1" applyFill="1" applyBorder="1" applyAlignment="1">
      <alignment vertical="center" wrapText="1"/>
    </xf>
    <xf numFmtId="176" fontId="3" fillId="0" borderId="3" xfId="0" applyNumberFormat="1" applyFont="1" applyFill="1" applyBorder="1" applyAlignment="1">
      <alignment horizontal="center" vertical="center" wrapText="1"/>
    </xf>
    <xf numFmtId="176" fontId="4" fillId="0" borderId="2" xfId="0" applyNumberFormat="1" applyFont="1" applyFill="1" applyBorder="1" applyAlignment="1">
      <alignment horizontal="left" vertical="center" wrapText="1"/>
    </xf>
    <xf numFmtId="176" fontId="4" fillId="0" borderId="11" xfId="0" applyNumberFormat="1" applyFont="1" applyFill="1" applyBorder="1" applyAlignment="1">
      <alignment horizontal="left" vertical="center" wrapText="1"/>
    </xf>
    <xf numFmtId="176" fontId="4" fillId="0" borderId="3" xfId="0" applyNumberFormat="1" applyFont="1" applyFill="1" applyBorder="1" applyAlignment="1">
      <alignment horizontal="left" vertical="center" wrapText="1"/>
    </xf>
    <xf numFmtId="176" fontId="4" fillId="0" borderId="9"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xf>
    <xf numFmtId="176" fontId="3" fillId="0" borderId="2" xfId="0" applyNumberFormat="1" applyFont="1" applyFill="1" applyBorder="1" applyAlignment="1">
      <alignment horizontal="distributed" vertical="center"/>
    </xf>
    <xf numFmtId="176" fontId="3" fillId="0" borderId="2" xfId="0" applyNumberFormat="1" applyFont="1" applyFill="1" applyBorder="1" applyAlignment="1">
      <alignment horizontal="left" vertical="center"/>
    </xf>
    <xf numFmtId="176" fontId="3" fillId="0" borderId="0" xfId="0" applyNumberFormat="1" applyFont="1" applyFill="1" applyBorder="1" applyAlignment="1">
      <alignment horizontal="distributed" vertical="center"/>
    </xf>
    <xf numFmtId="176" fontId="3" fillId="0" borderId="0" xfId="0" applyNumberFormat="1" applyFont="1" applyFill="1" applyBorder="1" applyAlignment="1">
      <alignment horizontal="left" vertical="center"/>
    </xf>
    <xf numFmtId="176" fontId="3" fillId="0" borderId="1" xfId="0" applyNumberFormat="1" applyFont="1" applyFill="1" applyBorder="1" applyAlignment="1">
      <alignment horizontal="center" vertical="center" textRotation="255"/>
    </xf>
    <xf numFmtId="176" fontId="3" fillId="0" borderId="2" xfId="0" applyNumberFormat="1" applyFont="1" applyFill="1" applyBorder="1" applyAlignment="1">
      <alignment horizontal="left" vertical="center" wrapText="1" shrinkToFit="1"/>
    </xf>
    <xf numFmtId="176" fontId="3" fillId="0" borderId="11" xfId="0" applyNumberFormat="1" applyFont="1" applyFill="1" applyBorder="1" applyAlignment="1">
      <alignment horizontal="left" vertical="center" wrapText="1" shrinkToFit="1"/>
    </xf>
    <xf numFmtId="176" fontId="3" fillId="0" borderId="0" xfId="0" applyNumberFormat="1" applyFont="1" applyFill="1" applyBorder="1" applyAlignment="1">
      <alignment horizontal="left" vertical="center" wrapText="1" shrinkToFit="1"/>
    </xf>
    <xf numFmtId="176" fontId="3" fillId="0" borderId="6" xfId="0" applyNumberFormat="1" applyFont="1" applyFill="1" applyBorder="1" applyAlignment="1">
      <alignment horizontal="left" vertical="center" wrapText="1" shrinkToFit="1"/>
    </xf>
    <xf numFmtId="176" fontId="3" fillId="0" borderId="3" xfId="0" applyNumberFormat="1" applyFont="1" applyFill="1" applyBorder="1" applyAlignment="1">
      <alignment horizontal="left" vertical="center" wrapText="1" shrinkToFit="1"/>
    </xf>
    <xf numFmtId="176" fontId="3" fillId="0" borderId="9" xfId="0" applyNumberFormat="1" applyFont="1" applyFill="1" applyBorder="1" applyAlignment="1">
      <alignment horizontal="left" vertical="center" wrapText="1" shrinkToFit="1"/>
    </xf>
    <xf numFmtId="176" fontId="3" fillId="0" borderId="74" xfId="0" applyNumberFormat="1" applyFont="1" applyFill="1" applyBorder="1" applyAlignment="1">
      <alignment horizontal="center" vertical="center" textRotation="255"/>
    </xf>
    <xf numFmtId="176" fontId="3" fillId="0" borderId="73" xfId="0" applyNumberFormat="1" applyFont="1" applyFill="1" applyBorder="1" applyAlignment="1">
      <alignment horizontal="center" vertical="center" textRotation="255"/>
    </xf>
    <xf numFmtId="176" fontId="4" fillId="0" borderId="53" xfId="0" applyNumberFormat="1" applyFont="1" applyFill="1" applyBorder="1" applyAlignment="1">
      <alignment horizontal="center" vertical="center"/>
    </xf>
    <xf numFmtId="176" fontId="4" fillId="0" borderId="15" xfId="0" applyNumberFormat="1" applyFont="1" applyFill="1" applyBorder="1" applyAlignment="1">
      <alignment horizontal="center" vertical="center"/>
    </xf>
    <xf numFmtId="176" fontId="4" fillId="0" borderId="54"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textRotation="255"/>
    </xf>
    <xf numFmtId="176" fontId="4" fillId="0" borderId="55" xfId="0" applyNumberFormat="1" applyFont="1" applyFill="1" applyBorder="1" applyAlignment="1">
      <alignment horizontal="center" vertical="center" wrapText="1"/>
    </xf>
    <xf numFmtId="176" fontId="4" fillId="0" borderId="56" xfId="0" applyNumberFormat="1" applyFont="1" applyFill="1" applyBorder="1" applyAlignment="1">
      <alignment horizontal="center" vertical="center" wrapText="1"/>
    </xf>
    <xf numFmtId="176" fontId="3" fillId="0" borderId="55" xfId="0" applyNumberFormat="1" applyFont="1" applyFill="1" applyBorder="1" applyAlignment="1">
      <alignment horizontal="center" vertical="center" textRotation="255"/>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3" fillId="0" borderId="7" xfId="0" applyNumberFormat="1" applyFont="1" applyFill="1" applyBorder="1" applyAlignment="1">
      <alignment horizontal="center" vertical="center" shrinkToFit="1"/>
    </xf>
    <xf numFmtId="176" fontId="3" fillId="0" borderId="8"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2" fillId="0" borderId="4" xfId="0" applyNumberFormat="1" applyFont="1" applyFill="1" applyBorder="1" applyAlignment="1">
      <alignment horizontal="left" vertical="top" wrapText="1"/>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3" fillId="0" borderId="10"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2" fillId="0" borderId="0" xfId="0" applyNumberFormat="1" applyFont="1" applyFill="1" applyBorder="1" applyAlignment="1">
      <alignment horizontal="right" vertical="center"/>
    </xf>
    <xf numFmtId="176" fontId="2" fillId="0" borderId="0" xfId="0" applyNumberFormat="1" applyFont="1" applyFill="1" applyBorder="1" applyAlignment="1">
      <alignment horizontal="center" vertical="center" shrinkToFit="1"/>
    </xf>
    <xf numFmtId="176" fontId="2" fillId="0" borderId="6" xfId="0" applyNumberFormat="1" applyFont="1" applyFill="1" applyBorder="1" applyAlignment="1">
      <alignment horizontal="right" vertical="center"/>
    </xf>
    <xf numFmtId="176" fontId="2" fillId="0" borderId="2" xfId="0" applyNumberFormat="1" applyFont="1" applyFill="1" applyBorder="1" applyAlignment="1">
      <alignment horizontal="right" vertical="center"/>
    </xf>
    <xf numFmtId="176" fontId="2" fillId="0" borderId="11" xfId="0" applyNumberFormat="1" applyFont="1" applyFill="1" applyBorder="1" applyAlignment="1">
      <alignment horizontal="right" vertical="center"/>
    </xf>
    <xf numFmtId="176" fontId="2" fillId="0" borderId="16" xfId="0" applyNumberFormat="1" applyFont="1" applyFill="1" applyBorder="1" applyAlignment="1">
      <alignment horizontal="center" vertical="center"/>
    </xf>
    <xf numFmtId="176" fontId="2" fillId="0" borderId="3" xfId="0" applyNumberFormat="1" applyFont="1" applyFill="1" applyBorder="1" applyAlignment="1">
      <alignment horizontal="right" vertical="center"/>
    </xf>
    <xf numFmtId="176" fontId="3" fillId="0" borderId="5" xfId="0" applyNumberFormat="1" applyFont="1" applyFill="1" applyBorder="1" applyAlignment="1">
      <alignment horizontal="center" vertical="center" wrapText="1"/>
    </xf>
    <xf numFmtId="176" fontId="3" fillId="0" borderId="11" xfId="0" applyNumberFormat="1" applyFont="1" applyFill="1" applyBorder="1" applyAlignment="1">
      <alignment horizontal="center" vertical="center" wrapText="1"/>
    </xf>
    <xf numFmtId="176" fontId="3" fillId="0" borderId="8"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4" fillId="0" borderId="10" xfId="0" applyNumberFormat="1" applyFont="1" applyFill="1" applyBorder="1" applyAlignment="1">
      <alignment horizontal="center" vertical="center" wrapText="1"/>
    </xf>
    <xf numFmtId="176" fontId="4" fillId="0" borderId="1" xfId="0" applyNumberFormat="1" applyFont="1" applyFill="1" applyBorder="1" applyAlignment="1">
      <alignment horizontal="center" vertical="center" wrapText="1"/>
    </xf>
    <xf numFmtId="176" fontId="4" fillId="0" borderId="7" xfId="0" applyNumberFormat="1" applyFont="1" applyFill="1" applyBorder="1" applyAlignment="1">
      <alignment horizontal="center" vertical="center" wrapText="1"/>
    </xf>
    <xf numFmtId="176" fontId="3" fillId="0" borderId="5" xfId="0" applyNumberFormat="1" applyFont="1" applyFill="1" applyBorder="1" applyAlignment="1">
      <alignment horizontal="left" vertical="center" wrapText="1"/>
    </xf>
    <xf numFmtId="176" fontId="3" fillId="0" borderId="4" xfId="0" applyNumberFormat="1" applyFont="1" applyFill="1" applyBorder="1" applyAlignment="1">
      <alignment horizontal="left" vertical="center" wrapText="1"/>
    </xf>
    <xf numFmtId="176" fontId="3" fillId="0" borderId="57" xfId="0" applyNumberFormat="1" applyFont="1" applyFill="1" applyBorder="1" applyAlignment="1">
      <alignment horizontal="center" vertical="center"/>
    </xf>
    <xf numFmtId="176" fontId="3" fillId="0" borderId="58" xfId="0" applyNumberFormat="1" applyFont="1" applyFill="1" applyBorder="1" applyAlignment="1">
      <alignment horizontal="center" vertical="center"/>
    </xf>
    <xf numFmtId="176" fontId="3" fillId="0" borderId="59" xfId="0" applyNumberFormat="1" applyFont="1" applyFill="1" applyBorder="1" applyAlignment="1">
      <alignment horizontal="center" vertical="center"/>
    </xf>
    <xf numFmtId="176" fontId="5" fillId="0" borderId="10" xfId="0" applyNumberFormat="1" applyFont="1" applyFill="1" applyBorder="1" applyAlignment="1">
      <alignment horizontal="center" vertical="center" wrapText="1"/>
    </xf>
    <xf numFmtId="176" fontId="5" fillId="0" borderId="1" xfId="0" applyNumberFormat="1" applyFont="1" applyFill="1" applyBorder="1" applyAlignment="1">
      <alignment horizontal="center" vertical="center" wrapText="1"/>
    </xf>
    <xf numFmtId="176" fontId="5" fillId="0" borderId="7" xfId="0" applyNumberFormat="1" applyFont="1" applyFill="1" applyBorder="1" applyAlignment="1">
      <alignment horizontal="center" vertical="center" wrapText="1"/>
    </xf>
    <xf numFmtId="176" fontId="3" fillId="0" borderId="16"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wrapText="1"/>
    </xf>
    <xf numFmtId="176" fontId="5" fillId="0" borderId="16"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5" fillId="0" borderId="4" xfId="0" applyNumberFormat="1" applyFont="1" applyFill="1" applyBorder="1" applyAlignment="1">
      <alignment horizontal="center" vertical="center" wrapText="1"/>
    </xf>
    <xf numFmtId="176" fontId="5" fillId="0" borderId="0" xfId="0" applyNumberFormat="1" applyFont="1" applyFill="1" applyBorder="1" applyAlignment="1">
      <alignment horizontal="center" vertical="center"/>
    </xf>
    <xf numFmtId="176" fontId="5" fillId="0" borderId="6" xfId="0" applyNumberFormat="1" applyFont="1" applyFill="1" applyBorder="1" applyAlignment="1">
      <alignment horizontal="center" vertical="center"/>
    </xf>
    <xf numFmtId="176" fontId="5" fillId="0" borderId="8" xfId="0" applyNumberFormat="1" applyFont="1" applyFill="1" applyBorder="1" applyAlignment="1">
      <alignment horizontal="center" vertical="center"/>
    </xf>
    <xf numFmtId="176" fontId="5" fillId="0" borderId="3" xfId="0" applyNumberFormat="1" applyFont="1" applyFill="1" applyBorder="1" applyAlignment="1">
      <alignment horizontal="center" vertical="center"/>
    </xf>
    <xf numFmtId="176" fontId="5" fillId="0" borderId="9"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wrapText="1"/>
    </xf>
    <xf numFmtId="176" fontId="3" fillId="0" borderId="21"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26"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28" xfId="0" applyNumberFormat="1" applyFont="1" applyFill="1" applyBorder="1" applyAlignment="1">
      <alignment horizontal="center" vertical="center"/>
    </xf>
    <xf numFmtId="176" fontId="3" fillId="0" borderId="25" xfId="0" applyNumberFormat="1" applyFont="1" applyFill="1" applyBorder="1" applyAlignment="1">
      <alignment horizontal="center" vertical="center"/>
    </xf>
    <xf numFmtId="176" fontId="3" fillId="0" borderId="4" xfId="0" applyNumberFormat="1" applyFont="1" applyFill="1" applyBorder="1" applyAlignment="1">
      <alignment horizontal="center" vertical="top" textRotation="255"/>
    </xf>
    <xf numFmtId="176" fontId="3" fillId="0" borderId="0" xfId="0" applyNumberFormat="1" applyFont="1" applyFill="1" applyBorder="1" applyAlignment="1">
      <alignment horizontal="center" vertical="top" textRotation="255"/>
    </xf>
    <xf numFmtId="176" fontId="3" fillId="0" borderId="6" xfId="0" applyNumberFormat="1" applyFont="1" applyFill="1" applyBorder="1" applyAlignment="1">
      <alignment horizontal="center" vertical="top" textRotation="255"/>
    </xf>
    <xf numFmtId="176" fontId="3" fillId="0" borderId="8" xfId="0" applyNumberFormat="1" applyFont="1" applyFill="1" applyBorder="1" applyAlignment="1">
      <alignment horizontal="center" vertical="top" textRotation="255"/>
    </xf>
    <xf numFmtId="176" fontId="3" fillId="0" borderId="3" xfId="0" applyNumberFormat="1" applyFont="1" applyFill="1" applyBorder="1" applyAlignment="1">
      <alignment horizontal="center" vertical="top" textRotation="255"/>
    </xf>
    <xf numFmtId="176" fontId="3" fillId="0" borderId="9" xfId="0" applyNumberFormat="1" applyFont="1" applyFill="1" applyBorder="1" applyAlignment="1">
      <alignment horizontal="center" vertical="top" textRotation="255"/>
    </xf>
    <xf numFmtId="176" fontId="5" fillId="0" borderId="19" xfId="0" applyNumberFormat="1" applyFont="1" applyFill="1" applyBorder="1" applyAlignment="1">
      <alignment horizontal="center" vertical="center" wrapText="1"/>
    </xf>
    <xf numFmtId="176" fontId="5" fillId="0" borderId="20" xfId="0" applyNumberFormat="1" applyFont="1" applyFill="1" applyBorder="1" applyAlignment="1">
      <alignment horizontal="center" vertical="center"/>
    </xf>
    <xf numFmtId="176" fontId="5" fillId="0" borderId="21" xfId="0" applyNumberFormat="1" applyFont="1" applyFill="1" applyBorder="1" applyAlignment="1">
      <alignment horizontal="center" vertical="center"/>
    </xf>
    <xf numFmtId="176" fontId="5" fillId="0" borderId="44" xfId="0" applyNumberFormat="1" applyFont="1" applyFill="1" applyBorder="1" applyAlignment="1">
      <alignment horizontal="center" vertical="center"/>
    </xf>
    <xf numFmtId="176" fontId="5" fillId="0" borderId="45" xfId="0" applyNumberFormat="1" applyFont="1" applyFill="1" applyBorder="1" applyAlignment="1">
      <alignment horizontal="center" vertical="center"/>
    </xf>
    <xf numFmtId="176" fontId="5" fillId="0" borderId="46" xfId="0" applyNumberFormat="1" applyFont="1" applyFill="1" applyBorder="1" applyAlignment="1">
      <alignment horizontal="center" vertical="center"/>
    </xf>
    <xf numFmtId="176" fontId="3" fillId="0" borderId="22"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47" xfId="0" applyNumberFormat="1" applyFont="1" applyFill="1" applyBorder="1" applyAlignment="1">
      <alignment horizontal="center" vertical="center" wrapText="1"/>
    </xf>
    <xf numFmtId="176" fontId="3" fillId="0" borderId="48" xfId="0" applyNumberFormat="1" applyFont="1" applyFill="1" applyBorder="1" applyAlignment="1">
      <alignment horizontal="center" vertical="center" wrapText="1"/>
    </xf>
    <xf numFmtId="176" fontId="3" fillId="0" borderId="49" xfId="0" applyNumberFormat="1" applyFont="1" applyFill="1" applyBorder="1" applyAlignment="1">
      <alignment horizontal="center" vertical="center" wrapText="1"/>
    </xf>
    <xf numFmtId="176" fontId="3" fillId="0" borderId="50" xfId="0" applyNumberFormat="1" applyFont="1" applyFill="1" applyBorder="1" applyAlignment="1">
      <alignment horizontal="center" vertical="center" wrapText="1"/>
    </xf>
    <xf numFmtId="176" fontId="3" fillId="0" borderId="51" xfId="0" applyNumberFormat="1" applyFont="1" applyFill="1" applyBorder="1" applyAlignment="1">
      <alignment horizontal="center" vertical="center" wrapText="1"/>
    </xf>
    <xf numFmtId="176" fontId="3" fillId="0" borderId="52" xfId="0" applyNumberFormat="1" applyFont="1" applyFill="1" applyBorder="1" applyAlignment="1">
      <alignment horizontal="center" vertical="center" wrapText="1"/>
    </xf>
    <xf numFmtId="176" fontId="3" fillId="0" borderId="2" xfId="0" applyNumberFormat="1" applyFont="1" applyFill="1" applyBorder="1" applyAlignment="1">
      <alignment horizontal="center"/>
    </xf>
    <xf numFmtId="176" fontId="2" fillId="0" borderId="2" xfId="0" applyNumberFormat="1" applyFont="1" applyFill="1" applyBorder="1" applyAlignment="1">
      <alignment horizontal="left" vertical="top" wrapText="1"/>
    </xf>
    <xf numFmtId="176" fontId="2" fillId="0" borderId="11" xfId="0" applyNumberFormat="1" applyFont="1" applyFill="1" applyBorder="1" applyAlignment="1">
      <alignment horizontal="left" vertical="top" wrapText="1"/>
    </xf>
    <xf numFmtId="176" fontId="3" fillId="0" borderId="36" xfId="0" applyNumberFormat="1" applyFont="1" applyFill="1" applyBorder="1" applyAlignment="1">
      <alignment horizontal="center" vertical="center"/>
    </xf>
    <xf numFmtId="176" fontId="3" fillId="0" borderId="35" xfId="0" applyNumberFormat="1" applyFont="1" applyFill="1" applyBorder="1" applyAlignment="1">
      <alignment horizontal="center" vertical="center"/>
    </xf>
    <xf numFmtId="176" fontId="3" fillId="0" borderId="3" xfId="0" applyNumberFormat="1" applyFont="1" applyFill="1" applyBorder="1" applyAlignment="1">
      <alignment horizontal="right" vertical="center"/>
    </xf>
    <xf numFmtId="176" fontId="4" fillId="0" borderId="0" xfId="0" applyNumberFormat="1" applyFont="1" applyFill="1" applyBorder="1" applyAlignment="1">
      <alignment horizontal="distributed" vertical="center"/>
    </xf>
    <xf numFmtId="176" fontId="3" fillId="0" borderId="39" xfId="0" applyNumberFormat="1" applyFont="1" applyFill="1" applyBorder="1" applyAlignment="1">
      <alignment horizontal="center" vertical="center"/>
    </xf>
    <xf numFmtId="176" fontId="3" fillId="0" borderId="40" xfId="0" applyNumberFormat="1" applyFont="1" applyFill="1" applyBorder="1" applyAlignment="1">
      <alignment horizontal="center" vertical="center"/>
    </xf>
    <xf numFmtId="176" fontId="2" fillId="0" borderId="1" xfId="0" applyNumberFormat="1" applyFont="1" applyFill="1" applyBorder="1" applyAlignment="1">
      <alignment horizontal="center" vertical="center"/>
    </xf>
    <xf numFmtId="176" fontId="2" fillId="0" borderId="7" xfId="0" applyNumberFormat="1" applyFont="1" applyFill="1" applyBorder="1" applyAlignment="1">
      <alignment horizontal="center" vertical="center"/>
    </xf>
    <xf numFmtId="176" fontId="3" fillId="0" borderId="2" xfId="0" applyNumberFormat="1" applyFont="1" applyFill="1" applyBorder="1" applyAlignment="1">
      <alignment horizontal="right" vertical="center"/>
    </xf>
    <xf numFmtId="176" fontId="3" fillId="0" borderId="26" xfId="0" applyNumberFormat="1" applyFont="1" applyFill="1" applyBorder="1" applyAlignment="1">
      <alignment horizontal="distributed" vertical="center"/>
    </xf>
    <xf numFmtId="176" fontId="3" fillId="0" borderId="3" xfId="0" applyNumberFormat="1" applyFont="1" applyFill="1" applyBorder="1" applyAlignment="1">
      <alignment horizontal="distributed" vertical="center"/>
    </xf>
    <xf numFmtId="176" fontId="3" fillId="0" borderId="23" xfId="0" applyNumberFormat="1" applyFont="1" applyFill="1" applyBorder="1" applyAlignment="1">
      <alignment horizontal="distributed" vertical="center"/>
    </xf>
    <xf numFmtId="176" fontId="3" fillId="0" borderId="33" xfId="0" applyNumberFormat="1" applyFont="1" applyFill="1" applyBorder="1" applyAlignment="1">
      <alignment horizontal="center" vertical="center"/>
    </xf>
    <xf numFmtId="176" fontId="3" fillId="0" borderId="34" xfId="0" applyNumberFormat="1" applyFont="1" applyFill="1" applyBorder="1" applyAlignment="1">
      <alignment horizontal="left" vertical="center"/>
    </xf>
    <xf numFmtId="176" fontId="3" fillId="0" borderId="23" xfId="0" applyNumberFormat="1" applyFont="1" applyFill="1" applyBorder="1" applyAlignment="1">
      <alignment horizontal="left" vertical="center"/>
    </xf>
    <xf numFmtId="176" fontId="3" fillId="0" borderId="33" xfId="0" applyNumberFormat="1" applyFont="1" applyFill="1" applyBorder="1" applyAlignment="1">
      <alignment horizontal="left" vertical="center"/>
    </xf>
    <xf numFmtId="176" fontId="3" fillId="0" borderId="34" xfId="0" applyNumberFormat="1" applyFont="1" applyFill="1" applyBorder="1" applyAlignment="1">
      <alignment horizontal="center" vertical="center"/>
    </xf>
    <xf numFmtId="176" fontId="3" fillId="0" borderId="32" xfId="0" applyNumberFormat="1" applyFont="1" applyFill="1" applyBorder="1" applyAlignment="1">
      <alignment horizontal="center" vertical="center"/>
    </xf>
    <xf numFmtId="176" fontId="3" fillId="0" borderId="31" xfId="0" applyNumberFormat="1" applyFont="1" applyFill="1" applyBorder="1" applyAlignment="1">
      <alignment horizontal="left"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31" xfId="0" applyNumberFormat="1" applyFont="1" applyFill="1" applyBorder="1" applyAlignment="1">
      <alignment horizontal="center" vertical="center"/>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4"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17" xfId="0" applyNumberFormat="1" applyFont="1" applyFill="1" applyBorder="1" applyAlignment="1">
      <alignment horizontal="left" vertical="center"/>
    </xf>
    <xf numFmtId="176" fontId="3" fillId="0" borderId="18" xfId="0" applyNumberFormat="1" applyFont="1" applyFill="1" applyBorder="1" applyAlignment="1">
      <alignment horizontal="left" vertical="center"/>
    </xf>
    <xf numFmtId="176" fontId="3" fillId="0" borderId="17"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xf>
    <xf numFmtId="176" fontId="3" fillId="0" borderId="4"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3" fillId="0" borderId="64" xfId="0" applyNumberFormat="1" applyFont="1" applyFill="1" applyBorder="1" applyAlignment="1">
      <alignment horizontal="center" vertical="center"/>
    </xf>
    <xf numFmtId="176" fontId="3" fillId="0" borderId="60" xfId="0" applyNumberFormat="1" applyFont="1" applyFill="1" applyBorder="1" applyAlignment="1">
      <alignment horizontal="right" vertical="center"/>
    </xf>
    <xf numFmtId="176" fontId="3" fillId="0" borderId="63" xfId="0" applyNumberFormat="1" applyFont="1" applyFill="1" applyBorder="1" applyAlignment="1">
      <alignment horizontal="right" vertical="center"/>
    </xf>
    <xf numFmtId="176" fontId="3" fillId="0" borderId="65" xfId="0" applyNumberFormat="1" applyFont="1" applyFill="1" applyBorder="1" applyAlignment="1">
      <alignment horizontal="right" vertical="center"/>
    </xf>
    <xf numFmtId="176" fontId="3" fillId="0" borderId="61" xfId="0" applyNumberFormat="1" applyFont="1" applyFill="1" applyBorder="1" applyAlignment="1">
      <alignment horizontal="right" vertical="center"/>
    </xf>
    <xf numFmtId="176" fontId="3" fillId="0" borderId="12" xfId="0" applyNumberFormat="1" applyFont="1" applyFill="1" applyBorder="1" applyAlignment="1">
      <alignment horizontal="right" vertical="center"/>
    </xf>
    <xf numFmtId="176" fontId="3" fillId="0" borderId="13" xfId="0" applyNumberFormat="1" applyFont="1" applyFill="1" applyBorder="1" applyAlignment="1">
      <alignment horizontal="right" vertical="center"/>
    </xf>
    <xf numFmtId="0" fontId="9" fillId="0" borderId="0" xfId="0" applyFont="1" applyAlignment="1"/>
    <xf numFmtId="176" fontId="8" fillId="0" borderId="0"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20" xfId="0" applyNumberFormat="1" applyFont="1" applyFill="1" applyBorder="1" applyAlignment="1">
      <alignment horizontal="distributed" vertical="center"/>
    </xf>
    <xf numFmtId="176" fontId="5" fillId="0" borderId="2" xfId="0" applyNumberFormat="1" applyFont="1" applyFill="1" applyBorder="1" applyAlignment="1">
      <alignment horizontal="left" vertical="top" wrapText="1"/>
    </xf>
    <xf numFmtId="176" fontId="5" fillId="0" borderId="0" xfId="0" applyNumberFormat="1" applyFont="1" applyFill="1" applyBorder="1" applyAlignment="1">
      <alignment horizontal="left" vertical="top" wrapText="1"/>
    </xf>
    <xf numFmtId="176" fontId="4" fillId="0" borderId="4" xfId="0" applyNumberFormat="1" applyFont="1" applyFill="1" applyBorder="1" applyAlignment="1">
      <alignment vertical="center" wrapText="1"/>
    </xf>
    <xf numFmtId="0" fontId="0" fillId="0" borderId="8" xfId="0" applyFont="1" applyBorder="1" applyAlignment="1">
      <alignment vertical="center"/>
    </xf>
    <xf numFmtId="0" fontId="0" fillId="0" borderId="2" xfId="0" applyFont="1" applyBorder="1" applyAlignment="1">
      <alignment vertical="center"/>
    </xf>
    <xf numFmtId="0" fontId="0" fillId="0" borderId="0" xfId="0" applyFont="1" applyBorder="1" applyAlignment="1">
      <alignment vertical="center"/>
    </xf>
    <xf numFmtId="0" fontId="0" fillId="0" borderId="3" xfId="0" applyFont="1" applyBorder="1" applyAlignment="1">
      <alignment vertical="center"/>
    </xf>
    <xf numFmtId="0" fontId="0"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0" xfId="0" applyFont="1" applyBorder="1" applyAlignment="1">
      <alignment horizontal="left" vertical="center" wrapText="1"/>
    </xf>
    <xf numFmtId="0" fontId="0" fillId="0" borderId="6" xfId="0" applyFont="1" applyBorder="1" applyAlignment="1">
      <alignment horizontal="left" vertical="center" wrapText="1"/>
    </xf>
    <xf numFmtId="0" fontId="0" fillId="0" borderId="3" xfId="0" applyFont="1" applyBorder="1" applyAlignment="1">
      <alignment horizontal="left" vertical="center" wrapText="1"/>
    </xf>
    <xf numFmtId="0" fontId="0" fillId="0" borderId="9" xfId="0" applyFont="1" applyBorder="1" applyAlignment="1">
      <alignment horizontal="left" vertical="center" wrapText="1"/>
    </xf>
    <xf numFmtId="176" fontId="11" fillId="0" borderId="31" xfId="0" applyNumberFormat="1" applyFont="1" applyFill="1" applyBorder="1" applyAlignment="1">
      <alignment horizontal="center" vertical="center" wrapText="1"/>
    </xf>
    <xf numFmtId="176" fontId="11" fillId="0" borderId="26" xfId="0" applyNumberFormat="1" applyFont="1" applyFill="1" applyBorder="1" applyAlignment="1">
      <alignment horizontal="center" vertical="center" wrapText="1"/>
    </xf>
    <xf numFmtId="176" fontId="11" fillId="0" borderId="32" xfId="0" applyNumberFormat="1" applyFont="1" applyFill="1" applyBorder="1" applyAlignment="1">
      <alignment horizontal="center" vertical="center" wrapText="1"/>
    </xf>
    <xf numFmtId="176" fontId="4" fillId="0" borderId="0" xfId="0" applyNumberFormat="1" applyFont="1" applyFill="1" applyBorder="1" applyAlignment="1">
      <alignment horizontal="left" vertical="center" wrapText="1"/>
    </xf>
    <xf numFmtId="176" fontId="3" fillId="0" borderId="25" xfId="0" applyNumberFormat="1" applyFont="1" applyFill="1" applyBorder="1" applyAlignment="1">
      <alignment horizontal="left" vertical="center"/>
    </xf>
    <xf numFmtId="176" fontId="3" fillId="0" borderId="22" xfId="0" applyNumberFormat="1" applyFont="1" applyFill="1" applyBorder="1" applyAlignment="1">
      <alignment horizontal="left" vertical="center"/>
    </xf>
    <xf numFmtId="0" fontId="0" fillId="0" borderId="1" xfId="0" applyFont="1" applyBorder="1" applyAlignment="1"/>
    <xf numFmtId="0" fontId="0" fillId="0" borderId="7" xfId="0" applyFont="1" applyBorder="1" applyAlignment="1"/>
    <xf numFmtId="176" fontId="3" fillId="0" borderId="10" xfId="0" applyNumberFormat="1" applyFont="1" applyFill="1" applyBorder="1" applyAlignment="1">
      <alignment vertical="center"/>
    </xf>
    <xf numFmtId="0" fontId="0" fillId="0" borderId="16" xfId="0" applyFont="1" applyBorder="1" applyAlignment="1"/>
    <xf numFmtId="176" fontId="2" fillId="0" borderId="76" xfId="0" applyNumberFormat="1" applyFont="1" applyFill="1" applyBorder="1" applyAlignment="1">
      <alignment horizontal="center" vertical="center"/>
    </xf>
    <xf numFmtId="176" fontId="2" fillId="0" borderId="77" xfId="0" applyNumberFormat="1" applyFont="1" applyFill="1" applyBorder="1" applyAlignment="1">
      <alignment horizontal="center" vertical="center"/>
    </xf>
    <xf numFmtId="0" fontId="0" fillId="0" borderId="77" xfId="0" applyFont="1" applyBorder="1" applyAlignment="1"/>
    <xf numFmtId="0" fontId="0" fillId="0" borderId="78" xfId="0" applyFont="1" applyBorder="1" applyAlignment="1"/>
    <xf numFmtId="0" fontId="0" fillId="0" borderId="10" xfId="0" applyFont="1" applyBorder="1" applyAlignment="1"/>
    <xf numFmtId="176" fontId="2" fillId="0" borderId="78" xfId="0" applyNumberFormat="1" applyFont="1" applyFill="1" applyBorder="1" applyAlignment="1">
      <alignment horizontal="center" vertical="center"/>
    </xf>
    <xf numFmtId="176" fontId="2" fillId="0" borderId="72" xfId="0" applyNumberFormat="1" applyFont="1" applyFill="1" applyBorder="1" applyAlignment="1">
      <alignment horizontal="right" vertical="center"/>
    </xf>
    <xf numFmtId="176" fontId="2" fillId="0" borderId="9" xfId="0" applyNumberFormat="1" applyFont="1" applyFill="1" applyBorder="1" applyAlignment="1">
      <alignment horizontal="right" vertical="center"/>
    </xf>
    <xf numFmtId="176" fontId="2" fillId="0" borderId="79" xfId="0" applyNumberFormat="1" applyFont="1" applyFill="1" applyBorder="1" applyAlignment="1">
      <alignment horizontal="right" vertical="center"/>
    </xf>
    <xf numFmtId="176" fontId="2" fillId="0" borderId="80" xfId="0" applyNumberFormat="1" applyFont="1" applyFill="1" applyBorder="1" applyAlignment="1">
      <alignment horizontal="right" vertical="center"/>
    </xf>
    <xf numFmtId="0" fontId="0" fillId="0" borderId="80" xfId="0" applyFont="1" applyBorder="1" applyAlignment="1"/>
    <xf numFmtId="176" fontId="2" fillId="0" borderId="4" xfId="0" applyNumberFormat="1" applyFont="1" applyFill="1" applyBorder="1" applyAlignment="1">
      <alignment vertical="center"/>
    </xf>
    <xf numFmtId="0" fontId="0" fillId="0" borderId="0" xfId="0" applyFont="1" applyAlignment="1"/>
    <xf numFmtId="0" fontId="0" fillId="0" borderId="6" xfId="0" applyFont="1" applyBorder="1" applyAlignment="1"/>
    <xf numFmtId="176" fontId="2" fillId="0" borderId="3" xfId="0" applyNumberFormat="1" applyFont="1" applyFill="1" applyBorder="1" applyAlignment="1">
      <alignment horizontal="center" vertical="center" shrinkToFit="1"/>
    </xf>
    <xf numFmtId="176" fontId="2" fillId="0" borderId="81" xfId="0" applyNumberFormat="1" applyFont="1" applyFill="1" applyBorder="1" applyAlignment="1">
      <alignment horizontal="right" vertical="center"/>
    </xf>
    <xf numFmtId="176" fontId="2" fillId="0" borderId="4" xfId="0" applyNumberFormat="1" applyFont="1" applyFill="1" applyBorder="1" applyAlignment="1">
      <alignment vertical="center" shrinkToFit="1"/>
    </xf>
    <xf numFmtId="0" fontId="0" fillId="0" borderId="0" xfId="0" applyFont="1" applyBorder="1" applyAlignment="1">
      <alignment vertical="center" shrinkToFit="1"/>
    </xf>
    <xf numFmtId="0" fontId="0" fillId="0" borderId="0" xfId="0" applyFont="1" applyBorder="1" applyAlignment="1"/>
  </cellXfs>
  <cellStyles count="1">
    <cellStyle name="標準" xfId="0" builtinId="0"/>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styles" Target="styles.xml" />
  <Relationship Id="rId7" Type="http://schemas.openxmlformats.org/officeDocument/2006/relationships/customXml" Target="../customXml/item3.xml" />
  <Relationship Id="rId2" Type="http://schemas.openxmlformats.org/officeDocument/2006/relationships/theme" Target="theme/theme1.xml" />
  <Relationship Id="rId1" Type="http://schemas.openxmlformats.org/officeDocument/2006/relationships/worksheet" Target="worksheets/sheet1.xml" />
  <Relationship Id="rId6" Type="http://schemas.openxmlformats.org/officeDocument/2006/relationships/customXml" Target="../customXml/item2.xml" />
  <Relationship Id="rId5" Type="http://schemas.openxmlformats.org/officeDocument/2006/relationships/customXml" Target="../customXml/item1.xml" />
  <Relationship Id="rId4" Type="http://schemas.openxmlformats.org/officeDocument/2006/relationships/sharedStrings" Target="sharedStrings.xml" />
</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238</xdr:row>
      <xdr:rowOff>0</xdr:rowOff>
    </xdr:from>
    <xdr:to>
      <xdr:col>0</xdr:col>
      <xdr:colOff>0</xdr:colOff>
      <xdr:row>238</xdr:row>
      <xdr:rowOff>47625</xdr:rowOff>
    </xdr:to>
    <xdr:sp macro="" textlink="">
      <xdr:nvSpPr>
        <xdr:cNvPr id="2" name="Text Box 9"/>
        <xdr:cNvSpPr txBox="1">
          <a:spLocks noChangeArrowheads="1"/>
        </xdr:cNvSpPr>
      </xdr:nvSpPr>
      <xdr:spPr bwMode="auto">
        <a:xfrm>
          <a:off x="0" y="37728525"/>
          <a:ext cx="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222</xdr:row>
      <xdr:rowOff>0</xdr:rowOff>
    </xdr:from>
    <xdr:to>
      <xdr:col>30</xdr:col>
      <xdr:colOff>85725</xdr:colOff>
      <xdr:row>222</xdr:row>
      <xdr:rowOff>47625</xdr:rowOff>
    </xdr:to>
    <xdr:sp macro="" textlink="">
      <xdr:nvSpPr>
        <xdr:cNvPr id="3" name="Text Box 80"/>
        <xdr:cNvSpPr txBox="1">
          <a:spLocks noChangeArrowheads="1"/>
        </xdr:cNvSpPr>
      </xdr:nvSpPr>
      <xdr:spPr bwMode="auto">
        <a:xfrm>
          <a:off x="3757612" y="317730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238</xdr:row>
      <xdr:rowOff>0</xdr:rowOff>
    </xdr:from>
    <xdr:to>
      <xdr:col>30</xdr:col>
      <xdr:colOff>38101</xdr:colOff>
      <xdr:row>238</xdr:row>
      <xdr:rowOff>47625</xdr:rowOff>
    </xdr:to>
    <xdr:sp macro="" textlink="">
      <xdr:nvSpPr>
        <xdr:cNvPr id="4" name="Text Box 117"/>
        <xdr:cNvSpPr txBox="1">
          <a:spLocks noChangeArrowheads="1"/>
        </xdr:cNvSpPr>
      </xdr:nvSpPr>
      <xdr:spPr bwMode="auto">
        <a:xfrm>
          <a:off x="3705225" y="3772852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38</xdr:row>
      <xdr:rowOff>0</xdr:rowOff>
    </xdr:from>
    <xdr:to>
      <xdr:col>29</xdr:col>
      <xdr:colOff>28574</xdr:colOff>
      <xdr:row>238</xdr:row>
      <xdr:rowOff>47625</xdr:rowOff>
    </xdr:to>
    <xdr:sp macro="" textlink="">
      <xdr:nvSpPr>
        <xdr:cNvPr id="5" name="Text Box 118"/>
        <xdr:cNvSpPr txBox="1">
          <a:spLocks noChangeArrowheads="1"/>
        </xdr:cNvSpPr>
      </xdr:nvSpPr>
      <xdr:spPr bwMode="auto">
        <a:xfrm>
          <a:off x="3581400" y="37728525"/>
          <a:ext cx="3809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222</xdr:row>
      <xdr:rowOff>0</xdr:rowOff>
    </xdr:from>
    <xdr:to>
      <xdr:col>26</xdr:col>
      <xdr:colOff>14288</xdr:colOff>
      <xdr:row>222</xdr:row>
      <xdr:rowOff>28575</xdr:rowOff>
    </xdr:to>
    <xdr:sp macro="" textlink="">
      <xdr:nvSpPr>
        <xdr:cNvPr id="6" name="Text Box 23"/>
        <xdr:cNvSpPr txBox="1">
          <a:spLocks noChangeArrowheads="1"/>
        </xdr:cNvSpPr>
      </xdr:nvSpPr>
      <xdr:spPr bwMode="auto">
        <a:xfrm>
          <a:off x="3186113" y="31737300"/>
          <a:ext cx="47625"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238</xdr:row>
      <xdr:rowOff>0</xdr:rowOff>
    </xdr:from>
    <xdr:to>
      <xdr:col>26</xdr:col>
      <xdr:colOff>38101</xdr:colOff>
      <xdr:row>238</xdr:row>
      <xdr:rowOff>38100</xdr:rowOff>
    </xdr:to>
    <xdr:sp macro="" textlink="">
      <xdr:nvSpPr>
        <xdr:cNvPr id="7" name="Text Box 22"/>
        <xdr:cNvSpPr txBox="1">
          <a:spLocks noChangeArrowheads="1"/>
        </xdr:cNvSpPr>
      </xdr:nvSpPr>
      <xdr:spPr bwMode="auto">
        <a:xfrm>
          <a:off x="3209925" y="37728525"/>
          <a:ext cx="47626"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27</xdr:row>
      <xdr:rowOff>0</xdr:rowOff>
    </xdr:from>
    <xdr:to>
      <xdr:col>37</xdr:col>
      <xdr:colOff>104774</xdr:colOff>
      <xdr:row>27</xdr:row>
      <xdr:rowOff>19050</xdr:rowOff>
    </xdr:to>
    <xdr:sp macro="" textlink="">
      <xdr:nvSpPr>
        <xdr:cNvPr id="8" name="Text Box 80"/>
        <xdr:cNvSpPr txBox="1">
          <a:spLocks noChangeArrowheads="1"/>
        </xdr:cNvSpPr>
      </xdr:nvSpPr>
      <xdr:spPr bwMode="auto">
        <a:xfrm>
          <a:off x="4572000" y="672465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38</xdr:row>
      <xdr:rowOff>0</xdr:rowOff>
    </xdr:from>
    <xdr:to>
      <xdr:col>29</xdr:col>
      <xdr:colOff>38099</xdr:colOff>
      <xdr:row>238</xdr:row>
      <xdr:rowOff>28575</xdr:rowOff>
    </xdr:to>
    <xdr:sp macro="" textlink="">
      <xdr:nvSpPr>
        <xdr:cNvPr id="9" name="Text Box 23"/>
        <xdr:cNvSpPr txBox="1">
          <a:spLocks noChangeArrowheads="1"/>
        </xdr:cNvSpPr>
      </xdr:nvSpPr>
      <xdr:spPr bwMode="auto">
        <a:xfrm>
          <a:off x="3581400" y="37728525"/>
          <a:ext cx="47624"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238</xdr:row>
      <xdr:rowOff>0</xdr:rowOff>
    </xdr:from>
    <xdr:to>
      <xdr:col>15</xdr:col>
      <xdr:colOff>57150</xdr:colOff>
      <xdr:row>238</xdr:row>
      <xdr:rowOff>38100</xdr:rowOff>
    </xdr:to>
    <xdr:sp macro="" textlink="">
      <xdr:nvSpPr>
        <xdr:cNvPr id="10" name="Text Box 22"/>
        <xdr:cNvSpPr txBox="1">
          <a:spLocks noChangeArrowheads="1"/>
        </xdr:cNvSpPr>
      </xdr:nvSpPr>
      <xdr:spPr bwMode="auto">
        <a:xfrm>
          <a:off x="18573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38</xdr:row>
      <xdr:rowOff>0</xdr:rowOff>
    </xdr:from>
    <xdr:to>
      <xdr:col>23</xdr:col>
      <xdr:colOff>19050</xdr:colOff>
      <xdr:row>238</xdr:row>
      <xdr:rowOff>38100</xdr:rowOff>
    </xdr:to>
    <xdr:sp macro="" textlink="">
      <xdr:nvSpPr>
        <xdr:cNvPr id="11" name="Text Box 22"/>
        <xdr:cNvSpPr txBox="1">
          <a:spLocks noChangeArrowheads="1"/>
        </xdr:cNvSpPr>
      </xdr:nvSpPr>
      <xdr:spPr bwMode="auto">
        <a:xfrm>
          <a:off x="2847975" y="37728525"/>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238</xdr:row>
      <xdr:rowOff>0</xdr:rowOff>
    </xdr:from>
    <xdr:to>
      <xdr:col>31</xdr:col>
      <xdr:colOff>57150</xdr:colOff>
      <xdr:row>238</xdr:row>
      <xdr:rowOff>38100</xdr:rowOff>
    </xdr:to>
    <xdr:sp macro="" textlink="">
      <xdr:nvSpPr>
        <xdr:cNvPr id="12" name="Text Box 22"/>
        <xdr:cNvSpPr txBox="1">
          <a:spLocks noChangeArrowheads="1"/>
        </xdr:cNvSpPr>
      </xdr:nvSpPr>
      <xdr:spPr bwMode="auto">
        <a:xfrm>
          <a:off x="38385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238</xdr:row>
      <xdr:rowOff>0</xdr:rowOff>
    </xdr:from>
    <xdr:to>
      <xdr:col>39</xdr:col>
      <xdr:colOff>57150</xdr:colOff>
      <xdr:row>238</xdr:row>
      <xdr:rowOff>38100</xdr:rowOff>
    </xdr:to>
    <xdr:sp macro="" textlink="">
      <xdr:nvSpPr>
        <xdr:cNvPr id="13" name="Text Box 22"/>
        <xdr:cNvSpPr txBox="1">
          <a:spLocks noChangeArrowheads="1"/>
        </xdr:cNvSpPr>
      </xdr:nvSpPr>
      <xdr:spPr bwMode="auto">
        <a:xfrm>
          <a:off x="48291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238</xdr:row>
      <xdr:rowOff>0</xdr:rowOff>
    </xdr:from>
    <xdr:to>
      <xdr:col>47</xdr:col>
      <xdr:colOff>57150</xdr:colOff>
      <xdr:row>238</xdr:row>
      <xdr:rowOff>38100</xdr:rowOff>
    </xdr:to>
    <xdr:sp macro="" textlink="">
      <xdr:nvSpPr>
        <xdr:cNvPr id="14" name="Text Box 22"/>
        <xdr:cNvSpPr txBox="1">
          <a:spLocks noChangeArrowheads="1"/>
        </xdr:cNvSpPr>
      </xdr:nvSpPr>
      <xdr:spPr bwMode="auto">
        <a:xfrm>
          <a:off x="58197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238</xdr:row>
      <xdr:rowOff>0</xdr:rowOff>
    </xdr:from>
    <xdr:to>
      <xdr:col>55</xdr:col>
      <xdr:colOff>57150</xdr:colOff>
      <xdr:row>238</xdr:row>
      <xdr:rowOff>38100</xdr:rowOff>
    </xdr:to>
    <xdr:sp macro="" textlink="">
      <xdr:nvSpPr>
        <xdr:cNvPr id="15" name="Text Box 22"/>
        <xdr:cNvSpPr txBox="1">
          <a:spLocks noChangeArrowheads="1"/>
        </xdr:cNvSpPr>
      </xdr:nvSpPr>
      <xdr:spPr bwMode="auto">
        <a:xfrm>
          <a:off x="68103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38</xdr:row>
      <xdr:rowOff>0</xdr:rowOff>
    </xdr:from>
    <xdr:to>
      <xdr:col>9</xdr:col>
      <xdr:colOff>57150</xdr:colOff>
      <xdr:row>238</xdr:row>
      <xdr:rowOff>28575</xdr:rowOff>
    </xdr:to>
    <xdr:sp macro="" textlink="">
      <xdr:nvSpPr>
        <xdr:cNvPr id="16" name="Text Box 22"/>
        <xdr:cNvSpPr txBox="1">
          <a:spLocks noChangeArrowheads="1"/>
        </xdr:cNvSpPr>
      </xdr:nvSpPr>
      <xdr:spPr bwMode="auto">
        <a:xfrm>
          <a:off x="11144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238</xdr:row>
      <xdr:rowOff>0</xdr:rowOff>
    </xdr:from>
    <xdr:to>
      <xdr:col>17</xdr:col>
      <xdr:colOff>57150</xdr:colOff>
      <xdr:row>238</xdr:row>
      <xdr:rowOff>28575</xdr:rowOff>
    </xdr:to>
    <xdr:sp macro="" textlink="">
      <xdr:nvSpPr>
        <xdr:cNvPr id="17" name="Text Box 22"/>
        <xdr:cNvSpPr txBox="1">
          <a:spLocks noChangeArrowheads="1"/>
        </xdr:cNvSpPr>
      </xdr:nvSpPr>
      <xdr:spPr bwMode="auto">
        <a:xfrm>
          <a:off x="21050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38</xdr:row>
      <xdr:rowOff>0</xdr:rowOff>
    </xdr:from>
    <xdr:to>
      <xdr:col>23</xdr:col>
      <xdr:colOff>57150</xdr:colOff>
      <xdr:row>238</xdr:row>
      <xdr:rowOff>28575</xdr:rowOff>
    </xdr:to>
    <xdr:sp macro="" textlink="">
      <xdr:nvSpPr>
        <xdr:cNvPr id="18" name="Text Box 22"/>
        <xdr:cNvSpPr txBox="1">
          <a:spLocks noChangeArrowheads="1"/>
        </xdr:cNvSpPr>
      </xdr:nvSpPr>
      <xdr:spPr bwMode="auto">
        <a:xfrm>
          <a:off x="284797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238</xdr:row>
      <xdr:rowOff>0</xdr:rowOff>
    </xdr:from>
    <xdr:to>
      <xdr:col>29</xdr:col>
      <xdr:colOff>57150</xdr:colOff>
      <xdr:row>238</xdr:row>
      <xdr:rowOff>28575</xdr:rowOff>
    </xdr:to>
    <xdr:sp macro="" textlink="">
      <xdr:nvSpPr>
        <xdr:cNvPr id="19" name="Text Box 22"/>
        <xdr:cNvSpPr txBox="1">
          <a:spLocks noChangeArrowheads="1"/>
        </xdr:cNvSpPr>
      </xdr:nvSpPr>
      <xdr:spPr bwMode="auto">
        <a:xfrm>
          <a:off x="35909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238</xdr:row>
      <xdr:rowOff>0</xdr:rowOff>
    </xdr:from>
    <xdr:to>
      <xdr:col>35</xdr:col>
      <xdr:colOff>57150</xdr:colOff>
      <xdr:row>238</xdr:row>
      <xdr:rowOff>28575</xdr:rowOff>
    </xdr:to>
    <xdr:sp macro="" textlink="">
      <xdr:nvSpPr>
        <xdr:cNvPr id="20" name="Text Box 22"/>
        <xdr:cNvSpPr txBox="1">
          <a:spLocks noChangeArrowheads="1"/>
        </xdr:cNvSpPr>
      </xdr:nvSpPr>
      <xdr:spPr bwMode="auto">
        <a:xfrm>
          <a:off x="433387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238</xdr:row>
      <xdr:rowOff>0</xdr:rowOff>
    </xdr:from>
    <xdr:to>
      <xdr:col>41</xdr:col>
      <xdr:colOff>57150</xdr:colOff>
      <xdr:row>238</xdr:row>
      <xdr:rowOff>28575</xdr:rowOff>
    </xdr:to>
    <xdr:sp macro="" textlink="">
      <xdr:nvSpPr>
        <xdr:cNvPr id="21" name="Text Box 22"/>
        <xdr:cNvSpPr txBox="1">
          <a:spLocks noChangeArrowheads="1"/>
        </xdr:cNvSpPr>
      </xdr:nvSpPr>
      <xdr:spPr bwMode="auto">
        <a:xfrm>
          <a:off x="50768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4</xdr:row>
      <xdr:rowOff>0</xdr:rowOff>
    </xdr:from>
    <xdr:to>
      <xdr:col>42</xdr:col>
      <xdr:colOff>57150</xdr:colOff>
      <xdr:row>4</xdr:row>
      <xdr:rowOff>38100</xdr:rowOff>
    </xdr:to>
    <xdr:sp macro="" textlink="">
      <xdr:nvSpPr>
        <xdr:cNvPr id="22" name="Text Box 80"/>
        <xdr:cNvSpPr txBox="1">
          <a:spLocks noChangeArrowheads="1"/>
        </xdr:cNvSpPr>
      </xdr:nvSpPr>
      <xdr:spPr bwMode="auto">
        <a:xfrm>
          <a:off x="5191125" y="190500"/>
          <a:ext cx="6667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4</xdr:row>
      <xdr:rowOff>0</xdr:rowOff>
    </xdr:from>
    <xdr:to>
      <xdr:col>39</xdr:col>
      <xdr:colOff>47624</xdr:colOff>
      <xdr:row>4</xdr:row>
      <xdr:rowOff>38100</xdr:rowOff>
    </xdr:to>
    <xdr:sp macro="" textlink="">
      <xdr:nvSpPr>
        <xdr:cNvPr id="23" name="Text Box 118"/>
        <xdr:cNvSpPr txBox="1">
          <a:spLocks noChangeArrowheads="1"/>
        </xdr:cNvSpPr>
      </xdr:nvSpPr>
      <xdr:spPr bwMode="auto">
        <a:xfrm>
          <a:off x="4819650" y="190500"/>
          <a:ext cx="5714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38</xdr:row>
      <xdr:rowOff>0</xdr:rowOff>
    </xdr:from>
    <xdr:to>
      <xdr:col>9</xdr:col>
      <xdr:colOff>57150</xdr:colOff>
      <xdr:row>238</xdr:row>
      <xdr:rowOff>28575</xdr:rowOff>
    </xdr:to>
    <xdr:sp macro="" textlink="">
      <xdr:nvSpPr>
        <xdr:cNvPr id="24" name="Text Box 22"/>
        <xdr:cNvSpPr txBox="1">
          <a:spLocks noChangeArrowheads="1"/>
        </xdr:cNvSpPr>
      </xdr:nvSpPr>
      <xdr:spPr bwMode="auto">
        <a:xfrm>
          <a:off x="11144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114300</xdr:colOff>
      <xdr:row>101</xdr:row>
      <xdr:rowOff>0</xdr:rowOff>
    </xdr:from>
    <xdr:to>
      <xdr:col>32</xdr:col>
      <xdr:colOff>38101</xdr:colOff>
      <xdr:row>101</xdr:row>
      <xdr:rowOff>47625</xdr:rowOff>
    </xdr:to>
    <xdr:sp macro="" textlink="">
      <xdr:nvSpPr>
        <xdr:cNvPr id="73" name="Text Box 80"/>
        <xdr:cNvSpPr txBox="1">
          <a:spLocks noChangeArrowheads="1"/>
        </xdr:cNvSpPr>
      </xdr:nvSpPr>
      <xdr:spPr bwMode="auto">
        <a:xfrm>
          <a:off x="3952875" y="1989534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01</xdr:row>
      <xdr:rowOff>0</xdr:rowOff>
    </xdr:from>
    <xdr:to>
      <xdr:col>31</xdr:col>
      <xdr:colOff>38100</xdr:colOff>
      <xdr:row>101</xdr:row>
      <xdr:rowOff>47625</xdr:rowOff>
    </xdr:to>
    <xdr:sp macro="" textlink="">
      <xdr:nvSpPr>
        <xdr:cNvPr id="74" name="Text Box 117"/>
        <xdr:cNvSpPr txBox="1">
          <a:spLocks noChangeArrowheads="1"/>
        </xdr:cNvSpPr>
      </xdr:nvSpPr>
      <xdr:spPr bwMode="auto">
        <a:xfrm>
          <a:off x="3829050" y="197643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1</xdr:row>
      <xdr:rowOff>0</xdr:rowOff>
    </xdr:from>
    <xdr:to>
      <xdr:col>30</xdr:col>
      <xdr:colOff>76199</xdr:colOff>
      <xdr:row>101</xdr:row>
      <xdr:rowOff>47625</xdr:rowOff>
    </xdr:to>
    <xdr:sp macro="" textlink="">
      <xdr:nvSpPr>
        <xdr:cNvPr id="75" name="Text Box 118"/>
        <xdr:cNvSpPr txBox="1">
          <a:spLocks noChangeArrowheads="1"/>
        </xdr:cNvSpPr>
      </xdr:nvSpPr>
      <xdr:spPr bwMode="auto">
        <a:xfrm>
          <a:off x="3757612" y="205311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01</xdr:row>
      <xdr:rowOff>0</xdr:rowOff>
    </xdr:from>
    <xdr:to>
      <xdr:col>29</xdr:col>
      <xdr:colOff>38100</xdr:colOff>
      <xdr:row>101</xdr:row>
      <xdr:rowOff>38100</xdr:rowOff>
    </xdr:to>
    <xdr:sp macro="" textlink="">
      <xdr:nvSpPr>
        <xdr:cNvPr id="76" name="Text Box 22"/>
        <xdr:cNvSpPr txBox="1">
          <a:spLocks noChangeArrowheads="1"/>
        </xdr:cNvSpPr>
      </xdr:nvSpPr>
      <xdr:spPr bwMode="auto">
        <a:xfrm>
          <a:off x="3581400" y="197643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01</xdr:row>
      <xdr:rowOff>0</xdr:rowOff>
    </xdr:from>
    <xdr:to>
      <xdr:col>18</xdr:col>
      <xdr:colOff>57150</xdr:colOff>
      <xdr:row>101</xdr:row>
      <xdr:rowOff>38100</xdr:rowOff>
    </xdr:to>
    <xdr:sp macro="" textlink="">
      <xdr:nvSpPr>
        <xdr:cNvPr id="77" name="Text Box 22"/>
        <xdr:cNvSpPr txBox="1">
          <a:spLocks noChangeArrowheads="1"/>
        </xdr:cNvSpPr>
      </xdr:nvSpPr>
      <xdr:spPr bwMode="auto">
        <a:xfrm>
          <a:off x="22288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01</xdr:row>
      <xdr:rowOff>0</xdr:rowOff>
    </xdr:from>
    <xdr:to>
      <xdr:col>31</xdr:col>
      <xdr:colOff>57150</xdr:colOff>
      <xdr:row>101</xdr:row>
      <xdr:rowOff>38100</xdr:rowOff>
    </xdr:to>
    <xdr:sp macro="" textlink="">
      <xdr:nvSpPr>
        <xdr:cNvPr id="78" name="Text Box 22"/>
        <xdr:cNvSpPr txBox="1">
          <a:spLocks noChangeArrowheads="1"/>
        </xdr:cNvSpPr>
      </xdr:nvSpPr>
      <xdr:spPr bwMode="auto">
        <a:xfrm>
          <a:off x="38385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01</xdr:row>
      <xdr:rowOff>0</xdr:rowOff>
    </xdr:from>
    <xdr:to>
      <xdr:col>45</xdr:col>
      <xdr:colOff>57150</xdr:colOff>
      <xdr:row>101</xdr:row>
      <xdr:rowOff>38100</xdr:rowOff>
    </xdr:to>
    <xdr:sp macro="" textlink="">
      <xdr:nvSpPr>
        <xdr:cNvPr id="79" name="Text Box 22"/>
        <xdr:cNvSpPr txBox="1">
          <a:spLocks noChangeArrowheads="1"/>
        </xdr:cNvSpPr>
      </xdr:nvSpPr>
      <xdr:spPr bwMode="auto">
        <a:xfrm>
          <a:off x="55721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01</xdr:row>
      <xdr:rowOff>0</xdr:rowOff>
    </xdr:from>
    <xdr:to>
      <xdr:col>49</xdr:col>
      <xdr:colOff>57150</xdr:colOff>
      <xdr:row>101</xdr:row>
      <xdr:rowOff>38100</xdr:rowOff>
    </xdr:to>
    <xdr:sp macro="" textlink="">
      <xdr:nvSpPr>
        <xdr:cNvPr id="80" name="Text Box 22"/>
        <xdr:cNvSpPr txBox="1">
          <a:spLocks noChangeArrowheads="1"/>
        </xdr:cNvSpPr>
      </xdr:nvSpPr>
      <xdr:spPr bwMode="auto">
        <a:xfrm>
          <a:off x="60674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5</xdr:col>
      <xdr:colOff>0</xdr:colOff>
      <xdr:row>222</xdr:row>
      <xdr:rowOff>0</xdr:rowOff>
    </xdr:from>
    <xdr:ext cx="57150" cy="38100"/>
    <xdr:sp macro="" textlink="">
      <xdr:nvSpPr>
        <xdr:cNvPr id="81" name="Text Box 22"/>
        <xdr:cNvSpPr txBox="1">
          <a:spLocks noChangeArrowheads="1"/>
        </xdr:cNvSpPr>
      </xdr:nvSpPr>
      <xdr:spPr bwMode="auto">
        <a:xfrm>
          <a:off x="619125" y="317373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7</xdr:row>
      <xdr:rowOff>0</xdr:rowOff>
    </xdr:from>
    <xdr:ext cx="61912" cy="38100"/>
    <xdr:sp macro="" textlink="">
      <xdr:nvSpPr>
        <xdr:cNvPr id="82" name="Text Box 80"/>
        <xdr:cNvSpPr txBox="1">
          <a:spLocks noChangeArrowheads="1"/>
        </xdr:cNvSpPr>
      </xdr:nvSpPr>
      <xdr:spPr bwMode="auto">
        <a:xfrm>
          <a:off x="2714625" y="3581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8</xdr:col>
      <xdr:colOff>28474</xdr:colOff>
      <xdr:row>34</xdr:row>
      <xdr:rowOff>0</xdr:rowOff>
    </xdr:from>
    <xdr:to>
      <xdr:col>15</xdr:col>
      <xdr:colOff>52287</xdr:colOff>
      <xdr:row>34</xdr:row>
      <xdr:rowOff>198782</xdr:rowOff>
    </xdr:to>
    <xdr:sp macro="" textlink="">
      <xdr:nvSpPr>
        <xdr:cNvPr id="84" name="テキスト ボックス 83"/>
        <xdr:cNvSpPr txBox="1"/>
      </xdr:nvSpPr>
      <xdr:spPr>
        <a:xfrm>
          <a:off x="1022387" y="9209226"/>
          <a:ext cx="893487" cy="20809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明朝" panose="02020609040205080304" pitchFamily="17" charset="-128"/>
              <a:ea typeface="ＭＳ 明朝" panose="02020609040205080304" pitchFamily="17" charset="-128"/>
            </a:rPr>
            <a:t>利用形態</a:t>
          </a:r>
        </a:p>
      </xdr:txBody>
    </xdr:sp>
    <xdr:clientData/>
  </xdr:twoCellAnchor>
  <xdr:twoCellAnchor>
    <xdr:from>
      <xdr:col>14</xdr:col>
      <xdr:colOff>15530</xdr:colOff>
      <xdr:row>66</xdr:row>
      <xdr:rowOff>45038</xdr:rowOff>
    </xdr:from>
    <xdr:to>
      <xdr:col>20</xdr:col>
      <xdr:colOff>3623</xdr:colOff>
      <xdr:row>66</xdr:row>
      <xdr:rowOff>331305</xdr:rowOff>
    </xdr:to>
    <xdr:sp macro="" textlink="">
      <xdr:nvSpPr>
        <xdr:cNvPr id="85" name="テキスト ボックス 84"/>
        <xdr:cNvSpPr txBox="1"/>
      </xdr:nvSpPr>
      <xdr:spPr>
        <a:xfrm>
          <a:off x="1754878" y="13413168"/>
          <a:ext cx="733528" cy="28626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109225</xdr:colOff>
      <xdr:row>66</xdr:row>
      <xdr:rowOff>384623</xdr:rowOff>
    </xdr:from>
    <xdr:to>
      <xdr:col>16</xdr:col>
      <xdr:colOff>121131</xdr:colOff>
      <xdr:row>66</xdr:row>
      <xdr:rowOff>646561</xdr:rowOff>
    </xdr:to>
    <xdr:sp macro="" textlink="">
      <xdr:nvSpPr>
        <xdr:cNvPr id="86" name="テキスト ボックス 85"/>
        <xdr:cNvSpPr txBox="1"/>
      </xdr:nvSpPr>
      <xdr:spPr>
        <a:xfrm>
          <a:off x="357703" y="13752753"/>
          <a:ext cx="1751254" cy="2619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 育 提 供 時 間</a:t>
          </a:r>
        </a:p>
      </xdr:txBody>
    </xdr:sp>
    <xdr:clientData/>
  </xdr:twoCellAnchor>
  <xdr:oneCellAnchor>
    <xdr:from>
      <xdr:col>45</xdr:col>
      <xdr:colOff>114300</xdr:colOff>
      <xdr:row>65</xdr:row>
      <xdr:rowOff>0</xdr:rowOff>
    </xdr:from>
    <xdr:ext cx="61912" cy="38100"/>
    <xdr:sp macro="" textlink="">
      <xdr:nvSpPr>
        <xdr:cNvPr id="87" name="Text Box 80"/>
        <xdr:cNvSpPr txBox="1">
          <a:spLocks noChangeArrowheads="1"/>
        </xdr:cNvSpPr>
      </xdr:nvSpPr>
      <xdr:spPr bwMode="auto">
        <a:xfrm>
          <a:off x="4943475" y="122110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0</xdr:row>
      <xdr:rowOff>0</xdr:rowOff>
    </xdr:from>
    <xdr:ext cx="61912" cy="38100"/>
    <xdr:sp macro="" textlink="">
      <xdr:nvSpPr>
        <xdr:cNvPr id="88" name="Text Box 80"/>
        <xdr:cNvSpPr txBox="1">
          <a:spLocks noChangeArrowheads="1"/>
        </xdr:cNvSpPr>
      </xdr:nvSpPr>
      <xdr:spPr bwMode="auto">
        <a:xfrm>
          <a:off x="5314950" y="184689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89" name="Text Box 23"/>
        <xdr:cNvSpPr txBox="1">
          <a:spLocks noChangeArrowheads="1"/>
        </xdr:cNvSpPr>
      </xdr:nvSpPr>
      <xdr:spPr bwMode="auto">
        <a:xfrm>
          <a:off x="5695950" y="197643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90" name="Text Box 22"/>
        <xdr:cNvSpPr txBox="1">
          <a:spLocks noChangeArrowheads="1"/>
        </xdr:cNvSpPr>
      </xdr:nvSpPr>
      <xdr:spPr bwMode="auto">
        <a:xfrm>
          <a:off x="5686425"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91" name="Text Box 23"/>
        <xdr:cNvSpPr txBox="1">
          <a:spLocks noChangeArrowheads="1"/>
        </xdr:cNvSpPr>
      </xdr:nvSpPr>
      <xdr:spPr bwMode="auto">
        <a:xfrm>
          <a:off x="5695950" y="197643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92" name="Text Box 22"/>
        <xdr:cNvSpPr txBox="1">
          <a:spLocks noChangeArrowheads="1"/>
        </xdr:cNvSpPr>
      </xdr:nvSpPr>
      <xdr:spPr bwMode="auto">
        <a:xfrm>
          <a:off x="45815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93"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94"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95" name="Text Box 22"/>
        <xdr:cNvSpPr txBox="1">
          <a:spLocks noChangeArrowheads="1"/>
        </xdr:cNvSpPr>
      </xdr:nvSpPr>
      <xdr:spPr bwMode="auto">
        <a:xfrm>
          <a:off x="742950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96" name="Text Box 22"/>
        <xdr:cNvSpPr txBox="1">
          <a:spLocks noChangeArrowheads="1"/>
        </xdr:cNvSpPr>
      </xdr:nvSpPr>
      <xdr:spPr bwMode="auto">
        <a:xfrm>
          <a:off x="643890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97" name="Text Box 22"/>
        <xdr:cNvSpPr txBox="1">
          <a:spLocks noChangeArrowheads="1"/>
        </xdr:cNvSpPr>
      </xdr:nvSpPr>
      <xdr:spPr bwMode="auto">
        <a:xfrm>
          <a:off x="32194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98" name="Text Box 22"/>
        <xdr:cNvSpPr txBox="1">
          <a:spLocks noChangeArrowheads="1"/>
        </xdr:cNvSpPr>
      </xdr:nvSpPr>
      <xdr:spPr bwMode="auto">
        <a:xfrm>
          <a:off x="5562600"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99" name="Text Box 22"/>
        <xdr:cNvSpPr txBox="1">
          <a:spLocks noChangeArrowheads="1"/>
        </xdr:cNvSpPr>
      </xdr:nvSpPr>
      <xdr:spPr bwMode="auto">
        <a:xfrm>
          <a:off x="42100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100" name="Text Box 22"/>
        <xdr:cNvSpPr txBox="1">
          <a:spLocks noChangeArrowheads="1"/>
        </xdr:cNvSpPr>
      </xdr:nvSpPr>
      <xdr:spPr bwMode="auto">
        <a:xfrm>
          <a:off x="52006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01"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02" name="Text Box 117"/>
        <xdr:cNvSpPr txBox="1">
          <a:spLocks noChangeArrowheads="1"/>
        </xdr:cNvSpPr>
      </xdr:nvSpPr>
      <xdr:spPr bwMode="auto">
        <a:xfrm>
          <a:off x="5810250" y="197643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03"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04" name="Text Box 22"/>
        <xdr:cNvSpPr txBox="1">
          <a:spLocks noChangeArrowheads="1"/>
        </xdr:cNvSpPr>
      </xdr:nvSpPr>
      <xdr:spPr bwMode="auto">
        <a:xfrm>
          <a:off x="65627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05" name="Text Box 22"/>
        <xdr:cNvSpPr txBox="1">
          <a:spLocks noChangeArrowheads="1"/>
        </xdr:cNvSpPr>
      </xdr:nvSpPr>
      <xdr:spPr bwMode="auto">
        <a:xfrm>
          <a:off x="61912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06"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07" name="Text Box 117"/>
        <xdr:cNvSpPr txBox="1">
          <a:spLocks noChangeArrowheads="1"/>
        </xdr:cNvSpPr>
      </xdr:nvSpPr>
      <xdr:spPr bwMode="auto">
        <a:xfrm>
          <a:off x="5810250" y="197643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08"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09" name="Text Box 22"/>
        <xdr:cNvSpPr txBox="1">
          <a:spLocks noChangeArrowheads="1"/>
        </xdr:cNvSpPr>
      </xdr:nvSpPr>
      <xdr:spPr bwMode="auto">
        <a:xfrm>
          <a:off x="65627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110" name="Text Box 22"/>
        <xdr:cNvSpPr txBox="1">
          <a:spLocks noChangeArrowheads="1"/>
        </xdr:cNvSpPr>
      </xdr:nvSpPr>
      <xdr:spPr bwMode="auto">
        <a:xfrm>
          <a:off x="7543800"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11" name="Text Box 22"/>
        <xdr:cNvSpPr txBox="1">
          <a:spLocks noChangeArrowheads="1"/>
        </xdr:cNvSpPr>
      </xdr:nvSpPr>
      <xdr:spPr bwMode="auto">
        <a:xfrm>
          <a:off x="61912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112" name="Text Box 22"/>
        <xdr:cNvSpPr txBox="1">
          <a:spLocks noChangeArrowheads="1"/>
        </xdr:cNvSpPr>
      </xdr:nvSpPr>
      <xdr:spPr bwMode="auto">
        <a:xfrm>
          <a:off x="71818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2863" cy="47625"/>
    <xdr:sp macro="" textlink="">
      <xdr:nvSpPr>
        <xdr:cNvPr id="113" name="Text Box 80"/>
        <xdr:cNvSpPr txBox="1">
          <a:spLocks noChangeArrowheads="1"/>
        </xdr:cNvSpPr>
      </xdr:nvSpPr>
      <xdr:spPr bwMode="auto">
        <a:xfrm>
          <a:off x="39528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2863" cy="47625"/>
    <xdr:sp macro="" textlink="">
      <xdr:nvSpPr>
        <xdr:cNvPr id="114" name="Text Box 117"/>
        <xdr:cNvSpPr txBox="1">
          <a:spLocks noChangeArrowheads="1"/>
        </xdr:cNvSpPr>
      </xdr:nvSpPr>
      <xdr:spPr bwMode="auto">
        <a:xfrm>
          <a:off x="38290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115" name="Text Box 118"/>
        <xdr:cNvSpPr txBox="1">
          <a:spLocks noChangeArrowheads="1"/>
        </xdr:cNvSpPr>
      </xdr:nvSpPr>
      <xdr:spPr bwMode="auto">
        <a:xfrm>
          <a:off x="3757612" y="245125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2863" cy="38100"/>
    <xdr:sp macro="" textlink="">
      <xdr:nvSpPr>
        <xdr:cNvPr id="116" name="Text Box 22"/>
        <xdr:cNvSpPr txBox="1">
          <a:spLocks noChangeArrowheads="1"/>
        </xdr:cNvSpPr>
      </xdr:nvSpPr>
      <xdr:spPr bwMode="auto">
        <a:xfrm>
          <a:off x="35814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117" name="Text Box 22"/>
        <xdr:cNvSpPr txBox="1">
          <a:spLocks noChangeArrowheads="1"/>
        </xdr:cNvSpPr>
      </xdr:nvSpPr>
      <xdr:spPr bwMode="auto">
        <a:xfrm>
          <a:off x="22288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118" name="Text Box 22"/>
        <xdr:cNvSpPr txBox="1">
          <a:spLocks noChangeArrowheads="1"/>
        </xdr:cNvSpPr>
      </xdr:nvSpPr>
      <xdr:spPr bwMode="auto">
        <a:xfrm>
          <a:off x="38385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119" name="Text Box 22"/>
        <xdr:cNvSpPr txBox="1">
          <a:spLocks noChangeArrowheads="1"/>
        </xdr:cNvSpPr>
      </xdr:nvSpPr>
      <xdr:spPr bwMode="auto">
        <a:xfrm>
          <a:off x="55721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120" name="Text Box 22"/>
        <xdr:cNvSpPr txBox="1">
          <a:spLocks noChangeArrowheads="1"/>
        </xdr:cNvSpPr>
      </xdr:nvSpPr>
      <xdr:spPr bwMode="auto">
        <a:xfrm>
          <a:off x="60674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01</xdr:row>
      <xdr:rowOff>0</xdr:rowOff>
    </xdr:from>
    <xdr:ext cx="61912" cy="38100"/>
    <xdr:sp macro="" textlink="">
      <xdr:nvSpPr>
        <xdr:cNvPr id="121" name="Text Box 80"/>
        <xdr:cNvSpPr txBox="1">
          <a:spLocks noChangeArrowheads="1"/>
        </xdr:cNvSpPr>
      </xdr:nvSpPr>
      <xdr:spPr bwMode="auto">
        <a:xfrm>
          <a:off x="5314950" y="224504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22" name="Text Box 23"/>
        <xdr:cNvSpPr txBox="1">
          <a:spLocks noChangeArrowheads="1"/>
        </xdr:cNvSpPr>
      </xdr:nvSpPr>
      <xdr:spPr bwMode="auto">
        <a:xfrm>
          <a:off x="5695950" y="2374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123" name="Text Box 22"/>
        <xdr:cNvSpPr txBox="1">
          <a:spLocks noChangeArrowheads="1"/>
        </xdr:cNvSpPr>
      </xdr:nvSpPr>
      <xdr:spPr bwMode="auto">
        <a:xfrm>
          <a:off x="5686425"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24" name="Text Box 23"/>
        <xdr:cNvSpPr txBox="1">
          <a:spLocks noChangeArrowheads="1"/>
        </xdr:cNvSpPr>
      </xdr:nvSpPr>
      <xdr:spPr bwMode="auto">
        <a:xfrm>
          <a:off x="5695950" y="2374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125" name="Text Box 22"/>
        <xdr:cNvSpPr txBox="1">
          <a:spLocks noChangeArrowheads="1"/>
        </xdr:cNvSpPr>
      </xdr:nvSpPr>
      <xdr:spPr bwMode="auto">
        <a:xfrm>
          <a:off x="45815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26"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27"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128" name="Text Box 22"/>
        <xdr:cNvSpPr txBox="1">
          <a:spLocks noChangeArrowheads="1"/>
        </xdr:cNvSpPr>
      </xdr:nvSpPr>
      <xdr:spPr bwMode="auto">
        <a:xfrm>
          <a:off x="742950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129" name="Text Box 22"/>
        <xdr:cNvSpPr txBox="1">
          <a:spLocks noChangeArrowheads="1"/>
        </xdr:cNvSpPr>
      </xdr:nvSpPr>
      <xdr:spPr bwMode="auto">
        <a:xfrm>
          <a:off x="643890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130" name="Text Box 22"/>
        <xdr:cNvSpPr txBox="1">
          <a:spLocks noChangeArrowheads="1"/>
        </xdr:cNvSpPr>
      </xdr:nvSpPr>
      <xdr:spPr bwMode="auto">
        <a:xfrm>
          <a:off x="32194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131" name="Text Box 22"/>
        <xdr:cNvSpPr txBox="1">
          <a:spLocks noChangeArrowheads="1"/>
        </xdr:cNvSpPr>
      </xdr:nvSpPr>
      <xdr:spPr bwMode="auto">
        <a:xfrm>
          <a:off x="55626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132" name="Text Box 22"/>
        <xdr:cNvSpPr txBox="1">
          <a:spLocks noChangeArrowheads="1"/>
        </xdr:cNvSpPr>
      </xdr:nvSpPr>
      <xdr:spPr bwMode="auto">
        <a:xfrm>
          <a:off x="42100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133" name="Text Box 22"/>
        <xdr:cNvSpPr txBox="1">
          <a:spLocks noChangeArrowheads="1"/>
        </xdr:cNvSpPr>
      </xdr:nvSpPr>
      <xdr:spPr bwMode="auto">
        <a:xfrm>
          <a:off x="52006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34"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35" name="Text Box 117"/>
        <xdr:cNvSpPr txBox="1">
          <a:spLocks noChangeArrowheads="1"/>
        </xdr:cNvSpPr>
      </xdr:nvSpPr>
      <xdr:spPr bwMode="auto">
        <a:xfrm>
          <a:off x="58102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36"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37" name="Text Box 22"/>
        <xdr:cNvSpPr txBox="1">
          <a:spLocks noChangeArrowheads="1"/>
        </xdr:cNvSpPr>
      </xdr:nvSpPr>
      <xdr:spPr bwMode="auto">
        <a:xfrm>
          <a:off x="65627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38" name="Text Box 22"/>
        <xdr:cNvSpPr txBox="1">
          <a:spLocks noChangeArrowheads="1"/>
        </xdr:cNvSpPr>
      </xdr:nvSpPr>
      <xdr:spPr bwMode="auto">
        <a:xfrm>
          <a:off x="61912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39"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40" name="Text Box 117"/>
        <xdr:cNvSpPr txBox="1">
          <a:spLocks noChangeArrowheads="1"/>
        </xdr:cNvSpPr>
      </xdr:nvSpPr>
      <xdr:spPr bwMode="auto">
        <a:xfrm>
          <a:off x="58102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41"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42" name="Text Box 22"/>
        <xdr:cNvSpPr txBox="1">
          <a:spLocks noChangeArrowheads="1"/>
        </xdr:cNvSpPr>
      </xdr:nvSpPr>
      <xdr:spPr bwMode="auto">
        <a:xfrm>
          <a:off x="65627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143" name="Text Box 22"/>
        <xdr:cNvSpPr txBox="1">
          <a:spLocks noChangeArrowheads="1"/>
        </xdr:cNvSpPr>
      </xdr:nvSpPr>
      <xdr:spPr bwMode="auto">
        <a:xfrm>
          <a:off x="75438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44" name="Text Box 22"/>
        <xdr:cNvSpPr txBox="1">
          <a:spLocks noChangeArrowheads="1"/>
        </xdr:cNvSpPr>
      </xdr:nvSpPr>
      <xdr:spPr bwMode="auto">
        <a:xfrm>
          <a:off x="61912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145" name="Text Box 22"/>
        <xdr:cNvSpPr txBox="1">
          <a:spLocks noChangeArrowheads="1"/>
        </xdr:cNvSpPr>
      </xdr:nvSpPr>
      <xdr:spPr bwMode="auto">
        <a:xfrm>
          <a:off x="71818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35719</xdr:colOff>
      <xdr:row>75</xdr:row>
      <xdr:rowOff>0</xdr:rowOff>
    </xdr:from>
    <xdr:to>
      <xdr:col>12</xdr:col>
      <xdr:colOff>23813</xdr:colOff>
      <xdr:row>75</xdr:row>
      <xdr:rowOff>273844</xdr:rowOff>
    </xdr:to>
    <xdr:sp macro="" textlink="">
      <xdr:nvSpPr>
        <xdr:cNvPr id="146" name="テキスト ボックス 145"/>
        <xdr:cNvSpPr txBox="1"/>
      </xdr:nvSpPr>
      <xdr:spPr>
        <a:xfrm>
          <a:off x="750094" y="15763875"/>
          <a:ext cx="702469"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107157</xdr:colOff>
      <xdr:row>75</xdr:row>
      <xdr:rowOff>290326</xdr:rowOff>
    </xdr:from>
    <xdr:to>
      <xdr:col>10</xdr:col>
      <xdr:colOff>83345</xdr:colOff>
      <xdr:row>75</xdr:row>
      <xdr:rowOff>512883</xdr:rowOff>
    </xdr:to>
    <xdr:sp macro="" textlink="">
      <xdr:nvSpPr>
        <xdr:cNvPr id="147" name="テキスト ボックス 146"/>
        <xdr:cNvSpPr txBox="1"/>
      </xdr:nvSpPr>
      <xdr:spPr>
        <a:xfrm>
          <a:off x="356272" y="20622538"/>
          <a:ext cx="972650" cy="22255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育状況</a:t>
          </a:r>
        </a:p>
      </xdr:txBody>
    </xdr:sp>
    <xdr:clientData/>
  </xdr:twoCellAnchor>
  <xdr:oneCellAnchor>
    <xdr:from>
      <xdr:col>39</xdr:col>
      <xdr:colOff>114300</xdr:colOff>
      <xdr:row>75</xdr:row>
      <xdr:rowOff>0</xdr:rowOff>
    </xdr:from>
    <xdr:ext cx="61912" cy="38100"/>
    <xdr:sp macro="" textlink="">
      <xdr:nvSpPr>
        <xdr:cNvPr id="148" name="Text Box 80"/>
        <xdr:cNvSpPr txBox="1">
          <a:spLocks noChangeArrowheads="1"/>
        </xdr:cNvSpPr>
      </xdr:nvSpPr>
      <xdr:spPr bwMode="auto">
        <a:xfrm>
          <a:off x="4757738" y="12251531"/>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34</xdr:row>
      <xdr:rowOff>238124</xdr:rowOff>
    </xdr:from>
    <xdr:to>
      <xdr:col>12</xdr:col>
      <xdr:colOff>71435</xdr:colOff>
      <xdr:row>36</xdr:row>
      <xdr:rowOff>11905</xdr:rowOff>
    </xdr:to>
    <xdr:sp macro="" textlink="">
      <xdr:nvSpPr>
        <xdr:cNvPr id="149" name="テキスト ボックス 148"/>
        <xdr:cNvSpPr txBox="1"/>
      </xdr:nvSpPr>
      <xdr:spPr>
        <a:xfrm>
          <a:off x="828776" y="8413059"/>
          <a:ext cx="733529" cy="2707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齢</a:t>
          </a:r>
        </a:p>
      </xdr:txBody>
    </xdr:sp>
    <xdr:clientData/>
  </xdr:twoCellAnchor>
  <xdr:twoCellAnchor editAs="oneCell">
    <xdr:from>
      <xdr:col>31</xdr:col>
      <xdr:colOff>114300</xdr:colOff>
      <xdr:row>101</xdr:row>
      <xdr:rowOff>0</xdr:rowOff>
    </xdr:from>
    <xdr:to>
      <xdr:col>32</xdr:col>
      <xdr:colOff>38101</xdr:colOff>
      <xdr:row>101</xdr:row>
      <xdr:rowOff>47625</xdr:rowOff>
    </xdr:to>
    <xdr:sp macro="" textlink="">
      <xdr:nvSpPr>
        <xdr:cNvPr id="151" name="Text Box 80"/>
        <xdr:cNvSpPr txBox="1">
          <a:spLocks noChangeArrowheads="1"/>
        </xdr:cNvSpPr>
      </xdr:nvSpPr>
      <xdr:spPr bwMode="auto">
        <a:xfrm>
          <a:off x="3952875" y="2693431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01</xdr:row>
      <xdr:rowOff>0</xdr:rowOff>
    </xdr:from>
    <xdr:to>
      <xdr:col>31</xdr:col>
      <xdr:colOff>38100</xdr:colOff>
      <xdr:row>101</xdr:row>
      <xdr:rowOff>47625</xdr:rowOff>
    </xdr:to>
    <xdr:sp macro="" textlink="">
      <xdr:nvSpPr>
        <xdr:cNvPr id="152" name="Text Box 117"/>
        <xdr:cNvSpPr txBox="1">
          <a:spLocks noChangeArrowheads="1"/>
        </xdr:cNvSpPr>
      </xdr:nvSpPr>
      <xdr:spPr bwMode="auto">
        <a:xfrm>
          <a:off x="3829050" y="2680335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1</xdr:row>
      <xdr:rowOff>0</xdr:rowOff>
    </xdr:from>
    <xdr:to>
      <xdr:col>30</xdr:col>
      <xdr:colOff>76199</xdr:colOff>
      <xdr:row>101</xdr:row>
      <xdr:rowOff>47625</xdr:rowOff>
    </xdr:to>
    <xdr:sp macro="" textlink="">
      <xdr:nvSpPr>
        <xdr:cNvPr id="153" name="Text Box 118"/>
        <xdr:cNvSpPr txBox="1">
          <a:spLocks noChangeArrowheads="1"/>
        </xdr:cNvSpPr>
      </xdr:nvSpPr>
      <xdr:spPr bwMode="auto">
        <a:xfrm>
          <a:off x="3757612" y="277987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01</xdr:row>
      <xdr:rowOff>0</xdr:rowOff>
    </xdr:from>
    <xdr:to>
      <xdr:col>29</xdr:col>
      <xdr:colOff>38100</xdr:colOff>
      <xdr:row>101</xdr:row>
      <xdr:rowOff>38100</xdr:rowOff>
    </xdr:to>
    <xdr:sp macro="" textlink="">
      <xdr:nvSpPr>
        <xdr:cNvPr id="154" name="Text Box 22"/>
        <xdr:cNvSpPr txBox="1">
          <a:spLocks noChangeArrowheads="1"/>
        </xdr:cNvSpPr>
      </xdr:nvSpPr>
      <xdr:spPr bwMode="auto">
        <a:xfrm>
          <a:off x="3581400" y="2680335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01</xdr:row>
      <xdr:rowOff>0</xdr:rowOff>
    </xdr:from>
    <xdr:to>
      <xdr:col>18</xdr:col>
      <xdr:colOff>57150</xdr:colOff>
      <xdr:row>101</xdr:row>
      <xdr:rowOff>38100</xdr:rowOff>
    </xdr:to>
    <xdr:sp macro="" textlink="">
      <xdr:nvSpPr>
        <xdr:cNvPr id="155" name="Text Box 22"/>
        <xdr:cNvSpPr txBox="1">
          <a:spLocks noChangeArrowheads="1"/>
        </xdr:cNvSpPr>
      </xdr:nvSpPr>
      <xdr:spPr bwMode="auto">
        <a:xfrm>
          <a:off x="22288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01</xdr:row>
      <xdr:rowOff>0</xdr:rowOff>
    </xdr:from>
    <xdr:to>
      <xdr:col>31</xdr:col>
      <xdr:colOff>57150</xdr:colOff>
      <xdr:row>101</xdr:row>
      <xdr:rowOff>38100</xdr:rowOff>
    </xdr:to>
    <xdr:sp macro="" textlink="">
      <xdr:nvSpPr>
        <xdr:cNvPr id="156" name="Text Box 22"/>
        <xdr:cNvSpPr txBox="1">
          <a:spLocks noChangeArrowheads="1"/>
        </xdr:cNvSpPr>
      </xdr:nvSpPr>
      <xdr:spPr bwMode="auto">
        <a:xfrm>
          <a:off x="38385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01</xdr:row>
      <xdr:rowOff>0</xdr:rowOff>
    </xdr:from>
    <xdr:to>
      <xdr:col>45</xdr:col>
      <xdr:colOff>57150</xdr:colOff>
      <xdr:row>101</xdr:row>
      <xdr:rowOff>38100</xdr:rowOff>
    </xdr:to>
    <xdr:sp macro="" textlink="">
      <xdr:nvSpPr>
        <xdr:cNvPr id="157" name="Text Box 22"/>
        <xdr:cNvSpPr txBox="1">
          <a:spLocks noChangeArrowheads="1"/>
        </xdr:cNvSpPr>
      </xdr:nvSpPr>
      <xdr:spPr bwMode="auto">
        <a:xfrm>
          <a:off x="55721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01</xdr:row>
      <xdr:rowOff>0</xdr:rowOff>
    </xdr:from>
    <xdr:to>
      <xdr:col>49</xdr:col>
      <xdr:colOff>57150</xdr:colOff>
      <xdr:row>101</xdr:row>
      <xdr:rowOff>38100</xdr:rowOff>
    </xdr:to>
    <xdr:sp macro="" textlink="">
      <xdr:nvSpPr>
        <xdr:cNvPr id="158" name="Text Box 22"/>
        <xdr:cNvSpPr txBox="1">
          <a:spLocks noChangeArrowheads="1"/>
        </xdr:cNvSpPr>
      </xdr:nvSpPr>
      <xdr:spPr bwMode="auto">
        <a:xfrm>
          <a:off x="60674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01</xdr:row>
      <xdr:rowOff>0</xdr:rowOff>
    </xdr:from>
    <xdr:ext cx="42862" cy="28575"/>
    <xdr:sp macro="" textlink="">
      <xdr:nvSpPr>
        <xdr:cNvPr id="159" name="Text Box 23"/>
        <xdr:cNvSpPr txBox="1">
          <a:spLocks noChangeArrowheads="1"/>
        </xdr:cNvSpPr>
      </xdr:nvSpPr>
      <xdr:spPr bwMode="auto">
        <a:xfrm>
          <a:off x="5695950" y="268033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160" name="Text Box 22"/>
        <xdr:cNvSpPr txBox="1">
          <a:spLocks noChangeArrowheads="1"/>
        </xdr:cNvSpPr>
      </xdr:nvSpPr>
      <xdr:spPr bwMode="auto">
        <a:xfrm>
          <a:off x="5686425" y="268033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61" name="Text Box 23"/>
        <xdr:cNvSpPr txBox="1">
          <a:spLocks noChangeArrowheads="1"/>
        </xdr:cNvSpPr>
      </xdr:nvSpPr>
      <xdr:spPr bwMode="auto">
        <a:xfrm>
          <a:off x="5695950" y="268033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162" name="Text Box 22"/>
        <xdr:cNvSpPr txBox="1">
          <a:spLocks noChangeArrowheads="1"/>
        </xdr:cNvSpPr>
      </xdr:nvSpPr>
      <xdr:spPr bwMode="auto">
        <a:xfrm>
          <a:off x="45815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63" name="Text Box 22"/>
        <xdr:cNvSpPr txBox="1">
          <a:spLocks noChangeArrowheads="1"/>
        </xdr:cNvSpPr>
      </xdr:nvSpPr>
      <xdr:spPr bwMode="auto">
        <a:xfrm>
          <a:off x="58197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164" name="Text Box 22"/>
        <xdr:cNvSpPr txBox="1">
          <a:spLocks noChangeArrowheads="1"/>
        </xdr:cNvSpPr>
      </xdr:nvSpPr>
      <xdr:spPr bwMode="auto">
        <a:xfrm>
          <a:off x="742950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165" name="Text Box 22"/>
        <xdr:cNvSpPr txBox="1">
          <a:spLocks noChangeArrowheads="1"/>
        </xdr:cNvSpPr>
      </xdr:nvSpPr>
      <xdr:spPr bwMode="auto">
        <a:xfrm>
          <a:off x="643890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166" name="Text Box 22"/>
        <xdr:cNvSpPr txBox="1">
          <a:spLocks noChangeArrowheads="1"/>
        </xdr:cNvSpPr>
      </xdr:nvSpPr>
      <xdr:spPr bwMode="auto">
        <a:xfrm>
          <a:off x="32194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167" name="Text Box 22"/>
        <xdr:cNvSpPr txBox="1">
          <a:spLocks noChangeArrowheads="1"/>
        </xdr:cNvSpPr>
      </xdr:nvSpPr>
      <xdr:spPr bwMode="auto">
        <a:xfrm>
          <a:off x="5562600" y="268033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168" name="Text Box 22"/>
        <xdr:cNvSpPr txBox="1">
          <a:spLocks noChangeArrowheads="1"/>
        </xdr:cNvSpPr>
      </xdr:nvSpPr>
      <xdr:spPr bwMode="auto">
        <a:xfrm>
          <a:off x="42100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169" name="Text Box 22"/>
        <xdr:cNvSpPr txBox="1">
          <a:spLocks noChangeArrowheads="1"/>
        </xdr:cNvSpPr>
      </xdr:nvSpPr>
      <xdr:spPr bwMode="auto">
        <a:xfrm>
          <a:off x="52006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70" name="Text Box 80"/>
        <xdr:cNvSpPr txBox="1">
          <a:spLocks noChangeArrowheads="1"/>
        </xdr:cNvSpPr>
      </xdr:nvSpPr>
      <xdr:spPr bwMode="auto">
        <a:xfrm>
          <a:off x="5934075" y="269343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71" name="Text Box 117"/>
        <xdr:cNvSpPr txBox="1">
          <a:spLocks noChangeArrowheads="1"/>
        </xdr:cNvSpPr>
      </xdr:nvSpPr>
      <xdr:spPr bwMode="auto">
        <a:xfrm>
          <a:off x="5810250" y="268033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72" name="Text Box 22"/>
        <xdr:cNvSpPr txBox="1">
          <a:spLocks noChangeArrowheads="1"/>
        </xdr:cNvSpPr>
      </xdr:nvSpPr>
      <xdr:spPr bwMode="auto">
        <a:xfrm>
          <a:off x="58197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73" name="Text Box 22"/>
        <xdr:cNvSpPr txBox="1">
          <a:spLocks noChangeArrowheads="1"/>
        </xdr:cNvSpPr>
      </xdr:nvSpPr>
      <xdr:spPr bwMode="auto">
        <a:xfrm>
          <a:off x="65627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74" name="Text Box 22"/>
        <xdr:cNvSpPr txBox="1">
          <a:spLocks noChangeArrowheads="1"/>
        </xdr:cNvSpPr>
      </xdr:nvSpPr>
      <xdr:spPr bwMode="auto">
        <a:xfrm>
          <a:off x="61912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75" name="Text Box 80"/>
        <xdr:cNvSpPr txBox="1">
          <a:spLocks noChangeArrowheads="1"/>
        </xdr:cNvSpPr>
      </xdr:nvSpPr>
      <xdr:spPr bwMode="auto">
        <a:xfrm>
          <a:off x="5934075" y="269343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176" name="Text Box 117"/>
        <xdr:cNvSpPr txBox="1">
          <a:spLocks noChangeArrowheads="1"/>
        </xdr:cNvSpPr>
      </xdr:nvSpPr>
      <xdr:spPr bwMode="auto">
        <a:xfrm>
          <a:off x="5810250" y="268033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77" name="Text Box 22"/>
        <xdr:cNvSpPr txBox="1">
          <a:spLocks noChangeArrowheads="1"/>
        </xdr:cNvSpPr>
      </xdr:nvSpPr>
      <xdr:spPr bwMode="auto">
        <a:xfrm>
          <a:off x="58197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178" name="Text Box 22"/>
        <xdr:cNvSpPr txBox="1">
          <a:spLocks noChangeArrowheads="1"/>
        </xdr:cNvSpPr>
      </xdr:nvSpPr>
      <xdr:spPr bwMode="auto">
        <a:xfrm>
          <a:off x="65627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179" name="Text Box 22"/>
        <xdr:cNvSpPr txBox="1">
          <a:spLocks noChangeArrowheads="1"/>
        </xdr:cNvSpPr>
      </xdr:nvSpPr>
      <xdr:spPr bwMode="auto">
        <a:xfrm>
          <a:off x="7543800" y="268033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180" name="Text Box 22"/>
        <xdr:cNvSpPr txBox="1">
          <a:spLocks noChangeArrowheads="1"/>
        </xdr:cNvSpPr>
      </xdr:nvSpPr>
      <xdr:spPr bwMode="auto">
        <a:xfrm>
          <a:off x="61912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181" name="Text Box 22"/>
        <xdr:cNvSpPr txBox="1">
          <a:spLocks noChangeArrowheads="1"/>
        </xdr:cNvSpPr>
      </xdr:nvSpPr>
      <xdr:spPr bwMode="auto">
        <a:xfrm>
          <a:off x="71818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8040" cy="47625"/>
    <xdr:sp macro="" textlink="">
      <xdr:nvSpPr>
        <xdr:cNvPr id="182" name="Text Box 80"/>
        <xdr:cNvSpPr txBox="1">
          <a:spLocks noChangeArrowheads="1"/>
        </xdr:cNvSpPr>
      </xdr:nvSpPr>
      <xdr:spPr bwMode="auto">
        <a:xfrm>
          <a:off x="3965713" y="21789991"/>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8039" cy="47625"/>
    <xdr:sp macro="" textlink="">
      <xdr:nvSpPr>
        <xdr:cNvPr id="183" name="Text Box 117"/>
        <xdr:cNvSpPr txBox="1">
          <a:spLocks noChangeArrowheads="1"/>
        </xdr:cNvSpPr>
      </xdr:nvSpPr>
      <xdr:spPr bwMode="auto">
        <a:xfrm>
          <a:off x="3841474" y="21659022"/>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184" name="Text Box 118"/>
        <xdr:cNvSpPr txBox="1">
          <a:spLocks noChangeArrowheads="1"/>
        </xdr:cNvSpPr>
      </xdr:nvSpPr>
      <xdr:spPr bwMode="auto">
        <a:xfrm>
          <a:off x="3770036" y="22627052"/>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8039" cy="38100"/>
    <xdr:sp macro="" textlink="">
      <xdr:nvSpPr>
        <xdr:cNvPr id="185" name="Text Box 22"/>
        <xdr:cNvSpPr txBox="1">
          <a:spLocks noChangeArrowheads="1"/>
        </xdr:cNvSpPr>
      </xdr:nvSpPr>
      <xdr:spPr bwMode="auto">
        <a:xfrm>
          <a:off x="3592996" y="21659022"/>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186" name="Text Box 22"/>
        <xdr:cNvSpPr txBox="1">
          <a:spLocks noChangeArrowheads="1"/>
        </xdr:cNvSpPr>
      </xdr:nvSpPr>
      <xdr:spPr bwMode="auto">
        <a:xfrm>
          <a:off x="223630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187" name="Text Box 22"/>
        <xdr:cNvSpPr txBox="1">
          <a:spLocks noChangeArrowheads="1"/>
        </xdr:cNvSpPr>
      </xdr:nvSpPr>
      <xdr:spPr bwMode="auto">
        <a:xfrm>
          <a:off x="385141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188" name="Text Box 22"/>
        <xdr:cNvSpPr txBox="1">
          <a:spLocks noChangeArrowheads="1"/>
        </xdr:cNvSpPr>
      </xdr:nvSpPr>
      <xdr:spPr bwMode="auto">
        <a:xfrm>
          <a:off x="5590761"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189" name="Text Box 22"/>
        <xdr:cNvSpPr txBox="1">
          <a:spLocks noChangeArrowheads="1"/>
        </xdr:cNvSpPr>
      </xdr:nvSpPr>
      <xdr:spPr bwMode="auto">
        <a:xfrm>
          <a:off x="60877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90"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191" name="Text Box 22"/>
        <xdr:cNvSpPr txBox="1">
          <a:spLocks noChangeArrowheads="1"/>
        </xdr:cNvSpPr>
      </xdr:nvSpPr>
      <xdr:spPr bwMode="auto">
        <a:xfrm>
          <a:off x="5705061"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192"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193" name="Text Box 22"/>
        <xdr:cNvSpPr txBox="1">
          <a:spLocks noChangeArrowheads="1"/>
        </xdr:cNvSpPr>
      </xdr:nvSpPr>
      <xdr:spPr bwMode="auto">
        <a:xfrm>
          <a:off x="45968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194"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195"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196" name="Text Box 22"/>
        <xdr:cNvSpPr txBox="1">
          <a:spLocks noChangeArrowheads="1"/>
        </xdr:cNvSpPr>
      </xdr:nvSpPr>
      <xdr:spPr bwMode="auto">
        <a:xfrm>
          <a:off x="74543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197" name="Text Box 22"/>
        <xdr:cNvSpPr txBox="1">
          <a:spLocks noChangeArrowheads="1"/>
        </xdr:cNvSpPr>
      </xdr:nvSpPr>
      <xdr:spPr bwMode="auto">
        <a:xfrm>
          <a:off x="6460435"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198" name="Text Box 22"/>
        <xdr:cNvSpPr txBox="1">
          <a:spLocks noChangeArrowheads="1"/>
        </xdr:cNvSpPr>
      </xdr:nvSpPr>
      <xdr:spPr bwMode="auto">
        <a:xfrm>
          <a:off x="32302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199" name="Text Box 22"/>
        <xdr:cNvSpPr txBox="1">
          <a:spLocks noChangeArrowheads="1"/>
        </xdr:cNvSpPr>
      </xdr:nvSpPr>
      <xdr:spPr bwMode="auto">
        <a:xfrm>
          <a:off x="5580822"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200" name="Text Box 22"/>
        <xdr:cNvSpPr txBox="1">
          <a:spLocks noChangeArrowheads="1"/>
        </xdr:cNvSpPr>
      </xdr:nvSpPr>
      <xdr:spPr bwMode="auto">
        <a:xfrm>
          <a:off x="422413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201" name="Text Box 22"/>
        <xdr:cNvSpPr txBox="1">
          <a:spLocks noChangeArrowheads="1"/>
        </xdr:cNvSpPr>
      </xdr:nvSpPr>
      <xdr:spPr bwMode="auto">
        <a:xfrm>
          <a:off x="521804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202"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203"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04"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205"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206"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207"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208"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09"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210"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211" name="Text Box 22"/>
        <xdr:cNvSpPr txBox="1">
          <a:spLocks noChangeArrowheads="1"/>
        </xdr:cNvSpPr>
      </xdr:nvSpPr>
      <xdr:spPr bwMode="auto">
        <a:xfrm>
          <a:off x="7568648"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212"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213" name="Text Box 22"/>
        <xdr:cNvSpPr txBox="1">
          <a:spLocks noChangeArrowheads="1"/>
        </xdr:cNvSpPr>
      </xdr:nvSpPr>
      <xdr:spPr bwMode="auto">
        <a:xfrm>
          <a:off x="720587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8040" cy="47625"/>
    <xdr:sp macro="" textlink="">
      <xdr:nvSpPr>
        <xdr:cNvPr id="214" name="Text Box 80"/>
        <xdr:cNvSpPr txBox="1">
          <a:spLocks noChangeArrowheads="1"/>
        </xdr:cNvSpPr>
      </xdr:nvSpPr>
      <xdr:spPr bwMode="auto">
        <a:xfrm>
          <a:off x="3965713" y="21789991"/>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8039" cy="47625"/>
    <xdr:sp macro="" textlink="">
      <xdr:nvSpPr>
        <xdr:cNvPr id="215" name="Text Box 117"/>
        <xdr:cNvSpPr txBox="1">
          <a:spLocks noChangeArrowheads="1"/>
        </xdr:cNvSpPr>
      </xdr:nvSpPr>
      <xdr:spPr bwMode="auto">
        <a:xfrm>
          <a:off x="3841474" y="21659022"/>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216" name="Text Box 118"/>
        <xdr:cNvSpPr txBox="1">
          <a:spLocks noChangeArrowheads="1"/>
        </xdr:cNvSpPr>
      </xdr:nvSpPr>
      <xdr:spPr bwMode="auto">
        <a:xfrm>
          <a:off x="3770036" y="22627052"/>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8039" cy="38100"/>
    <xdr:sp macro="" textlink="">
      <xdr:nvSpPr>
        <xdr:cNvPr id="217" name="Text Box 22"/>
        <xdr:cNvSpPr txBox="1">
          <a:spLocks noChangeArrowheads="1"/>
        </xdr:cNvSpPr>
      </xdr:nvSpPr>
      <xdr:spPr bwMode="auto">
        <a:xfrm>
          <a:off x="3592996" y="21659022"/>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218" name="Text Box 22"/>
        <xdr:cNvSpPr txBox="1">
          <a:spLocks noChangeArrowheads="1"/>
        </xdr:cNvSpPr>
      </xdr:nvSpPr>
      <xdr:spPr bwMode="auto">
        <a:xfrm>
          <a:off x="223630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219" name="Text Box 22"/>
        <xdr:cNvSpPr txBox="1">
          <a:spLocks noChangeArrowheads="1"/>
        </xdr:cNvSpPr>
      </xdr:nvSpPr>
      <xdr:spPr bwMode="auto">
        <a:xfrm>
          <a:off x="385141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220" name="Text Box 22"/>
        <xdr:cNvSpPr txBox="1">
          <a:spLocks noChangeArrowheads="1"/>
        </xdr:cNvSpPr>
      </xdr:nvSpPr>
      <xdr:spPr bwMode="auto">
        <a:xfrm>
          <a:off x="5590761"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221" name="Text Box 22"/>
        <xdr:cNvSpPr txBox="1">
          <a:spLocks noChangeArrowheads="1"/>
        </xdr:cNvSpPr>
      </xdr:nvSpPr>
      <xdr:spPr bwMode="auto">
        <a:xfrm>
          <a:off x="60877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222"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223" name="Text Box 22"/>
        <xdr:cNvSpPr txBox="1">
          <a:spLocks noChangeArrowheads="1"/>
        </xdr:cNvSpPr>
      </xdr:nvSpPr>
      <xdr:spPr bwMode="auto">
        <a:xfrm>
          <a:off x="5705061"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224"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225" name="Text Box 22"/>
        <xdr:cNvSpPr txBox="1">
          <a:spLocks noChangeArrowheads="1"/>
        </xdr:cNvSpPr>
      </xdr:nvSpPr>
      <xdr:spPr bwMode="auto">
        <a:xfrm>
          <a:off x="45968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26"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227" name="Text Box 22"/>
        <xdr:cNvSpPr txBox="1">
          <a:spLocks noChangeArrowheads="1"/>
        </xdr:cNvSpPr>
      </xdr:nvSpPr>
      <xdr:spPr bwMode="auto">
        <a:xfrm>
          <a:off x="74543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228" name="Text Box 22"/>
        <xdr:cNvSpPr txBox="1">
          <a:spLocks noChangeArrowheads="1"/>
        </xdr:cNvSpPr>
      </xdr:nvSpPr>
      <xdr:spPr bwMode="auto">
        <a:xfrm>
          <a:off x="6460435"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229" name="Text Box 22"/>
        <xdr:cNvSpPr txBox="1">
          <a:spLocks noChangeArrowheads="1"/>
        </xdr:cNvSpPr>
      </xdr:nvSpPr>
      <xdr:spPr bwMode="auto">
        <a:xfrm>
          <a:off x="32302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230" name="Text Box 22"/>
        <xdr:cNvSpPr txBox="1">
          <a:spLocks noChangeArrowheads="1"/>
        </xdr:cNvSpPr>
      </xdr:nvSpPr>
      <xdr:spPr bwMode="auto">
        <a:xfrm>
          <a:off x="5580822"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231" name="Text Box 22"/>
        <xdr:cNvSpPr txBox="1">
          <a:spLocks noChangeArrowheads="1"/>
        </xdr:cNvSpPr>
      </xdr:nvSpPr>
      <xdr:spPr bwMode="auto">
        <a:xfrm>
          <a:off x="422413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232" name="Text Box 22"/>
        <xdr:cNvSpPr txBox="1">
          <a:spLocks noChangeArrowheads="1"/>
        </xdr:cNvSpPr>
      </xdr:nvSpPr>
      <xdr:spPr bwMode="auto">
        <a:xfrm>
          <a:off x="521804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233"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234"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35"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236"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237"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238"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239"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240"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241"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242" name="Text Box 22"/>
        <xdr:cNvSpPr txBox="1">
          <a:spLocks noChangeArrowheads="1"/>
        </xdr:cNvSpPr>
      </xdr:nvSpPr>
      <xdr:spPr bwMode="auto">
        <a:xfrm>
          <a:off x="7568648"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243"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244" name="Text Box 22"/>
        <xdr:cNvSpPr txBox="1">
          <a:spLocks noChangeArrowheads="1"/>
        </xdr:cNvSpPr>
      </xdr:nvSpPr>
      <xdr:spPr bwMode="auto">
        <a:xfrm>
          <a:off x="720587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20</xdr:row>
      <xdr:rowOff>0</xdr:rowOff>
    </xdr:from>
    <xdr:ext cx="42863" cy="47625"/>
    <xdr:sp macro="" textlink="">
      <xdr:nvSpPr>
        <xdr:cNvPr id="245" name="Text Box 80"/>
        <xdr:cNvSpPr txBox="1">
          <a:spLocks noChangeArrowheads="1"/>
        </xdr:cNvSpPr>
      </xdr:nvSpPr>
      <xdr:spPr bwMode="auto">
        <a:xfrm>
          <a:off x="39528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20</xdr:row>
      <xdr:rowOff>0</xdr:rowOff>
    </xdr:from>
    <xdr:ext cx="42863" cy="47625"/>
    <xdr:sp macro="" textlink="">
      <xdr:nvSpPr>
        <xdr:cNvPr id="246" name="Text Box 117"/>
        <xdr:cNvSpPr txBox="1">
          <a:spLocks noChangeArrowheads="1"/>
        </xdr:cNvSpPr>
      </xdr:nvSpPr>
      <xdr:spPr bwMode="auto">
        <a:xfrm>
          <a:off x="3829050"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20</xdr:row>
      <xdr:rowOff>0</xdr:rowOff>
    </xdr:from>
    <xdr:ext cx="42863" cy="38100"/>
    <xdr:sp macro="" textlink="">
      <xdr:nvSpPr>
        <xdr:cNvPr id="247" name="Text Box 22"/>
        <xdr:cNvSpPr txBox="1">
          <a:spLocks noChangeArrowheads="1"/>
        </xdr:cNvSpPr>
      </xdr:nvSpPr>
      <xdr:spPr bwMode="auto">
        <a:xfrm>
          <a:off x="3581400"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0</xdr:row>
      <xdr:rowOff>0</xdr:rowOff>
    </xdr:from>
    <xdr:ext cx="57150" cy="38100"/>
    <xdr:sp macro="" textlink="">
      <xdr:nvSpPr>
        <xdr:cNvPr id="248" name="Text Box 22"/>
        <xdr:cNvSpPr txBox="1">
          <a:spLocks noChangeArrowheads="1"/>
        </xdr:cNvSpPr>
      </xdr:nvSpPr>
      <xdr:spPr bwMode="auto">
        <a:xfrm>
          <a:off x="22288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20</xdr:row>
      <xdr:rowOff>0</xdr:rowOff>
    </xdr:from>
    <xdr:ext cx="57150" cy="38100"/>
    <xdr:sp macro="" textlink="">
      <xdr:nvSpPr>
        <xdr:cNvPr id="249" name="Text Box 22"/>
        <xdr:cNvSpPr txBox="1">
          <a:spLocks noChangeArrowheads="1"/>
        </xdr:cNvSpPr>
      </xdr:nvSpPr>
      <xdr:spPr bwMode="auto">
        <a:xfrm>
          <a:off x="383857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20</xdr:row>
      <xdr:rowOff>0</xdr:rowOff>
    </xdr:from>
    <xdr:ext cx="57150" cy="38100"/>
    <xdr:sp macro="" textlink="">
      <xdr:nvSpPr>
        <xdr:cNvPr id="250" name="Text Box 22"/>
        <xdr:cNvSpPr txBox="1">
          <a:spLocks noChangeArrowheads="1"/>
        </xdr:cNvSpPr>
      </xdr:nvSpPr>
      <xdr:spPr bwMode="auto">
        <a:xfrm>
          <a:off x="55721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20</xdr:row>
      <xdr:rowOff>0</xdr:rowOff>
    </xdr:from>
    <xdr:ext cx="57150" cy="38100"/>
    <xdr:sp macro="" textlink="">
      <xdr:nvSpPr>
        <xdr:cNvPr id="251" name="Text Box 22"/>
        <xdr:cNvSpPr txBox="1">
          <a:spLocks noChangeArrowheads="1"/>
        </xdr:cNvSpPr>
      </xdr:nvSpPr>
      <xdr:spPr bwMode="auto">
        <a:xfrm>
          <a:off x="60674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20</xdr:row>
      <xdr:rowOff>0</xdr:rowOff>
    </xdr:from>
    <xdr:ext cx="61912" cy="38100"/>
    <xdr:sp macro="" textlink="">
      <xdr:nvSpPr>
        <xdr:cNvPr id="252" name="Text Box 80"/>
        <xdr:cNvSpPr txBox="1">
          <a:spLocks noChangeArrowheads="1"/>
        </xdr:cNvSpPr>
      </xdr:nvSpPr>
      <xdr:spPr bwMode="auto">
        <a:xfrm>
          <a:off x="5314950" y="900398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20</xdr:row>
      <xdr:rowOff>0</xdr:rowOff>
    </xdr:from>
    <xdr:ext cx="42862" cy="28575"/>
    <xdr:sp macro="" textlink="">
      <xdr:nvSpPr>
        <xdr:cNvPr id="253" name="Text Box 23"/>
        <xdr:cNvSpPr txBox="1">
          <a:spLocks noChangeArrowheads="1"/>
        </xdr:cNvSpPr>
      </xdr:nvSpPr>
      <xdr:spPr bwMode="auto">
        <a:xfrm>
          <a:off x="5695950" y="90039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20</xdr:row>
      <xdr:rowOff>0</xdr:rowOff>
    </xdr:from>
    <xdr:ext cx="42863" cy="38100"/>
    <xdr:sp macro="" textlink="">
      <xdr:nvSpPr>
        <xdr:cNvPr id="254" name="Text Box 22"/>
        <xdr:cNvSpPr txBox="1">
          <a:spLocks noChangeArrowheads="1"/>
        </xdr:cNvSpPr>
      </xdr:nvSpPr>
      <xdr:spPr bwMode="auto">
        <a:xfrm>
          <a:off x="5686425"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20</xdr:row>
      <xdr:rowOff>0</xdr:rowOff>
    </xdr:from>
    <xdr:ext cx="42862" cy="28575"/>
    <xdr:sp macro="" textlink="">
      <xdr:nvSpPr>
        <xdr:cNvPr id="255" name="Text Box 23"/>
        <xdr:cNvSpPr txBox="1">
          <a:spLocks noChangeArrowheads="1"/>
        </xdr:cNvSpPr>
      </xdr:nvSpPr>
      <xdr:spPr bwMode="auto">
        <a:xfrm>
          <a:off x="5695950" y="90039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20</xdr:row>
      <xdr:rowOff>0</xdr:rowOff>
    </xdr:from>
    <xdr:ext cx="57150" cy="38100"/>
    <xdr:sp macro="" textlink="">
      <xdr:nvSpPr>
        <xdr:cNvPr id="256" name="Text Box 22"/>
        <xdr:cNvSpPr txBox="1">
          <a:spLocks noChangeArrowheads="1"/>
        </xdr:cNvSpPr>
      </xdr:nvSpPr>
      <xdr:spPr bwMode="auto">
        <a:xfrm>
          <a:off x="45815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0</xdr:row>
      <xdr:rowOff>0</xdr:rowOff>
    </xdr:from>
    <xdr:ext cx="42863" cy="47625"/>
    <xdr:sp macro="" textlink="">
      <xdr:nvSpPr>
        <xdr:cNvPr id="257" name="Text Box 80"/>
        <xdr:cNvSpPr txBox="1">
          <a:spLocks noChangeArrowheads="1"/>
        </xdr:cNvSpPr>
      </xdr:nvSpPr>
      <xdr:spPr bwMode="auto">
        <a:xfrm>
          <a:off x="59340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0</xdr:row>
      <xdr:rowOff>0</xdr:rowOff>
    </xdr:from>
    <xdr:ext cx="57150" cy="38100"/>
    <xdr:sp macro="" textlink="">
      <xdr:nvSpPr>
        <xdr:cNvPr id="258" name="Text Box 22"/>
        <xdr:cNvSpPr txBox="1">
          <a:spLocks noChangeArrowheads="1"/>
        </xdr:cNvSpPr>
      </xdr:nvSpPr>
      <xdr:spPr bwMode="auto">
        <a:xfrm>
          <a:off x="581977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20</xdr:row>
      <xdr:rowOff>0</xdr:rowOff>
    </xdr:from>
    <xdr:ext cx="57150" cy="38100"/>
    <xdr:sp macro="" textlink="">
      <xdr:nvSpPr>
        <xdr:cNvPr id="259" name="Text Box 22"/>
        <xdr:cNvSpPr txBox="1">
          <a:spLocks noChangeArrowheads="1"/>
        </xdr:cNvSpPr>
      </xdr:nvSpPr>
      <xdr:spPr bwMode="auto">
        <a:xfrm>
          <a:off x="742950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20</xdr:row>
      <xdr:rowOff>0</xdr:rowOff>
    </xdr:from>
    <xdr:ext cx="57150" cy="38100"/>
    <xdr:sp macro="" textlink="">
      <xdr:nvSpPr>
        <xdr:cNvPr id="260" name="Text Box 22"/>
        <xdr:cNvSpPr txBox="1">
          <a:spLocks noChangeArrowheads="1"/>
        </xdr:cNvSpPr>
      </xdr:nvSpPr>
      <xdr:spPr bwMode="auto">
        <a:xfrm>
          <a:off x="643890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20</xdr:row>
      <xdr:rowOff>0</xdr:rowOff>
    </xdr:from>
    <xdr:ext cx="57150" cy="38100"/>
    <xdr:sp macro="" textlink="">
      <xdr:nvSpPr>
        <xdr:cNvPr id="261" name="Text Box 22"/>
        <xdr:cNvSpPr txBox="1">
          <a:spLocks noChangeArrowheads="1"/>
        </xdr:cNvSpPr>
      </xdr:nvSpPr>
      <xdr:spPr bwMode="auto">
        <a:xfrm>
          <a:off x="32194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20</xdr:row>
      <xdr:rowOff>0</xdr:rowOff>
    </xdr:from>
    <xdr:ext cx="42863" cy="38100"/>
    <xdr:sp macro="" textlink="">
      <xdr:nvSpPr>
        <xdr:cNvPr id="262" name="Text Box 22"/>
        <xdr:cNvSpPr txBox="1">
          <a:spLocks noChangeArrowheads="1"/>
        </xdr:cNvSpPr>
      </xdr:nvSpPr>
      <xdr:spPr bwMode="auto">
        <a:xfrm>
          <a:off x="5562600"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20</xdr:row>
      <xdr:rowOff>0</xdr:rowOff>
    </xdr:from>
    <xdr:ext cx="57150" cy="38100"/>
    <xdr:sp macro="" textlink="">
      <xdr:nvSpPr>
        <xdr:cNvPr id="263" name="Text Box 22"/>
        <xdr:cNvSpPr txBox="1">
          <a:spLocks noChangeArrowheads="1"/>
        </xdr:cNvSpPr>
      </xdr:nvSpPr>
      <xdr:spPr bwMode="auto">
        <a:xfrm>
          <a:off x="42100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20</xdr:row>
      <xdr:rowOff>0</xdr:rowOff>
    </xdr:from>
    <xdr:ext cx="57150" cy="38100"/>
    <xdr:sp macro="" textlink="">
      <xdr:nvSpPr>
        <xdr:cNvPr id="264" name="Text Box 22"/>
        <xdr:cNvSpPr txBox="1">
          <a:spLocks noChangeArrowheads="1"/>
        </xdr:cNvSpPr>
      </xdr:nvSpPr>
      <xdr:spPr bwMode="auto">
        <a:xfrm>
          <a:off x="52006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0</xdr:row>
      <xdr:rowOff>0</xdr:rowOff>
    </xdr:from>
    <xdr:ext cx="42863" cy="47625"/>
    <xdr:sp macro="" textlink="">
      <xdr:nvSpPr>
        <xdr:cNvPr id="265" name="Text Box 80"/>
        <xdr:cNvSpPr txBox="1">
          <a:spLocks noChangeArrowheads="1"/>
        </xdr:cNvSpPr>
      </xdr:nvSpPr>
      <xdr:spPr bwMode="auto">
        <a:xfrm>
          <a:off x="59340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20</xdr:row>
      <xdr:rowOff>0</xdr:rowOff>
    </xdr:from>
    <xdr:ext cx="42863" cy="47625"/>
    <xdr:sp macro="" textlink="">
      <xdr:nvSpPr>
        <xdr:cNvPr id="266" name="Text Box 117"/>
        <xdr:cNvSpPr txBox="1">
          <a:spLocks noChangeArrowheads="1"/>
        </xdr:cNvSpPr>
      </xdr:nvSpPr>
      <xdr:spPr bwMode="auto">
        <a:xfrm>
          <a:off x="5810250"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20</xdr:row>
      <xdr:rowOff>0</xdr:rowOff>
    </xdr:from>
    <xdr:ext cx="57150" cy="38100"/>
    <xdr:sp macro="" textlink="">
      <xdr:nvSpPr>
        <xdr:cNvPr id="267" name="Text Box 22"/>
        <xdr:cNvSpPr txBox="1">
          <a:spLocks noChangeArrowheads="1"/>
        </xdr:cNvSpPr>
      </xdr:nvSpPr>
      <xdr:spPr bwMode="auto">
        <a:xfrm>
          <a:off x="581977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20</xdr:row>
      <xdr:rowOff>0</xdr:rowOff>
    </xdr:from>
    <xdr:ext cx="57150" cy="38100"/>
    <xdr:sp macro="" textlink="">
      <xdr:nvSpPr>
        <xdr:cNvPr id="268" name="Text Box 22"/>
        <xdr:cNvSpPr txBox="1">
          <a:spLocks noChangeArrowheads="1"/>
        </xdr:cNvSpPr>
      </xdr:nvSpPr>
      <xdr:spPr bwMode="auto">
        <a:xfrm>
          <a:off x="65627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20</xdr:row>
      <xdr:rowOff>0</xdr:rowOff>
    </xdr:from>
    <xdr:ext cx="57150" cy="38100"/>
    <xdr:sp macro="" textlink="">
      <xdr:nvSpPr>
        <xdr:cNvPr id="269" name="Text Box 22"/>
        <xdr:cNvSpPr txBox="1">
          <a:spLocks noChangeArrowheads="1"/>
        </xdr:cNvSpPr>
      </xdr:nvSpPr>
      <xdr:spPr bwMode="auto">
        <a:xfrm>
          <a:off x="61912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20</xdr:row>
      <xdr:rowOff>0</xdr:rowOff>
    </xdr:from>
    <xdr:ext cx="42863" cy="47625"/>
    <xdr:sp macro="" textlink="">
      <xdr:nvSpPr>
        <xdr:cNvPr id="270" name="Text Box 80"/>
        <xdr:cNvSpPr txBox="1">
          <a:spLocks noChangeArrowheads="1"/>
        </xdr:cNvSpPr>
      </xdr:nvSpPr>
      <xdr:spPr bwMode="auto">
        <a:xfrm>
          <a:off x="59340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20</xdr:row>
      <xdr:rowOff>0</xdr:rowOff>
    </xdr:from>
    <xdr:ext cx="42863" cy="47625"/>
    <xdr:sp macro="" textlink="">
      <xdr:nvSpPr>
        <xdr:cNvPr id="271" name="Text Box 117"/>
        <xdr:cNvSpPr txBox="1">
          <a:spLocks noChangeArrowheads="1"/>
        </xdr:cNvSpPr>
      </xdr:nvSpPr>
      <xdr:spPr bwMode="auto">
        <a:xfrm>
          <a:off x="5810250"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20</xdr:row>
      <xdr:rowOff>0</xdr:rowOff>
    </xdr:from>
    <xdr:ext cx="57150" cy="38100"/>
    <xdr:sp macro="" textlink="">
      <xdr:nvSpPr>
        <xdr:cNvPr id="272" name="Text Box 22"/>
        <xdr:cNvSpPr txBox="1">
          <a:spLocks noChangeArrowheads="1"/>
        </xdr:cNvSpPr>
      </xdr:nvSpPr>
      <xdr:spPr bwMode="auto">
        <a:xfrm>
          <a:off x="65627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20</xdr:row>
      <xdr:rowOff>0</xdr:rowOff>
    </xdr:from>
    <xdr:ext cx="42863" cy="38100"/>
    <xdr:sp macro="" textlink="">
      <xdr:nvSpPr>
        <xdr:cNvPr id="273" name="Text Box 22"/>
        <xdr:cNvSpPr txBox="1">
          <a:spLocks noChangeArrowheads="1"/>
        </xdr:cNvSpPr>
      </xdr:nvSpPr>
      <xdr:spPr bwMode="auto">
        <a:xfrm>
          <a:off x="7543800"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20</xdr:row>
      <xdr:rowOff>0</xdr:rowOff>
    </xdr:from>
    <xdr:ext cx="57150" cy="38100"/>
    <xdr:sp macro="" textlink="">
      <xdr:nvSpPr>
        <xdr:cNvPr id="274" name="Text Box 22"/>
        <xdr:cNvSpPr txBox="1">
          <a:spLocks noChangeArrowheads="1"/>
        </xdr:cNvSpPr>
      </xdr:nvSpPr>
      <xdr:spPr bwMode="auto">
        <a:xfrm>
          <a:off x="61912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20</xdr:row>
      <xdr:rowOff>0</xdr:rowOff>
    </xdr:from>
    <xdr:ext cx="57150" cy="38100"/>
    <xdr:sp macro="" textlink="">
      <xdr:nvSpPr>
        <xdr:cNvPr id="275" name="Text Box 22"/>
        <xdr:cNvSpPr txBox="1">
          <a:spLocks noChangeArrowheads="1"/>
        </xdr:cNvSpPr>
      </xdr:nvSpPr>
      <xdr:spPr bwMode="auto">
        <a:xfrm>
          <a:off x="71818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0</xdr:row>
      <xdr:rowOff>0</xdr:rowOff>
    </xdr:from>
    <xdr:ext cx="57150" cy="38100"/>
    <xdr:sp macro="" textlink="">
      <xdr:nvSpPr>
        <xdr:cNvPr id="277" name="Text Box 22"/>
        <xdr:cNvSpPr txBox="1">
          <a:spLocks noChangeArrowheads="1"/>
        </xdr:cNvSpPr>
      </xdr:nvSpPr>
      <xdr:spPr bwMode="auto">
        <a:xfrm>
          <a:off x="2228850" y="904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1</xdr:row>
      <xdr:rowOff>0</xdr:rowOff>
    </xdr:from>
    <xdr:ext cx="57150" cy="38100"/>
    <xdr:sp macro="" textlink="">
      <xdr:nvSpPr>
        <xdr:cNvPr id="279" name="Text Box 22"/>
        <xdr:cNvSpPr txBox="1">
          <a:spLocks noChangeArrowheads="1"/>
        </xdr:cNvSpPr>
      </xdr:nvSpPr>
      <xdr:spPr bwMode="auto">
        <a:xfrm>
          <a:off x="2228850" y="93030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26</xdr:row>
      <xdr:rowOff>0</xdr:rowOff>
    </xdr:from>
    <xdr:ext cx="42863" cy="47625"/>
    <xdr:sp macro="" textlink="">
      <xdr:nvSpPr>
        <xdr:cNvPr id="324" name="Text Box 80"/>
        <xdr:cNvSpPr txBox="1">
          <a:spLocks noChangeArrowheads="1"/>
        </xdr:cNvSpPr>
      </xdr:nvSpPr>
      <xdr:spPr bwMode="auto">
        <a:xfrm>
          <a:off x="39528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26</xdr:row>
      <xdr:rowOff>0</xdr:rowOff>
    </xdr:from>
    <xdr:ext cx="42863" cy="47625"/>
    <xdr:sp macro="" textlink="">
      <xdr:nvSpPr>
        <xdr:cNvPr id="325" name="Text Box 117"/>
        <xdr:cNvSpPr txBox="1">
          <a:spLocks noChangeArrowheads="1"/>
        </xdr:cNvSpPr>
      </xdr:nvSpPr>
      <xdr:spPr bwMode="auto">
        <a:xfrm>
          <a:off x="3829050"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26</xdr:row>
      <xdr:rowOff>0</xdr:rowOff>
    </xdr:from>
    <xdr:ext cx="33337" cy="47625"/>
    <xdr:sp macro="" textlink="">
      <xdr:nvSpPr>
        <xdr:cNvPr id="326" name="Text Box 118"/>
        <xdr:cNvSpPr txBox="1">
          <a:spLocks noChangeArrowheads="1"/>
        </xdr:cNvSpPr>
      </xdr:nvSpPr>
      <xdr:spPr bwMode="auto">
        <a:xfrm>
          <a:off x="3757612" y="334232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26</xdr:row>
      <xdr:rowOff>0</xdr:rowOff>
    </xdr:from>
    <xdr:ext cx="42863" cy="38100"/>
    <xdr:sp macro="" textlink="">
      <xdr:nvSpPr>
        <xdr:cNvPr id="327" name="Text Box 22"/>
        <xdr:cNvSpPr txBox="1">
          <a:spLocks noChangeArrowheads="1"/>
        </xdr:cNvSpPr>
      </xdr:nvSpPr>
      <xdr:spPr bwMode="auto">
        <a:xfrm>
          <a:off x="3581400"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26</xdr:row>
      <xdr:rowOff>0</xdr:rowOff>
    </xdr:from>
    <xdr:ext cx="57150" cy="38100"/>
    <xdr:sp macro="" textlink="">
      <xdr:nvSpPr>
        <xdr:cNvPr id="328" name="Text Box 22"/>
        <xdr:cNvSpPr txBox="1">
          <a:spLocks noChangeArrowheads="1"/>
        </xdr:cNvSpPr>
      </xdr:nvSpPr>
      <xdr:spPr bwMode="auto">
        <a:xfrm>
          <a:off x="22288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26</xdr:row>
      <xdr:rowOff>0</xdr:rowOff>
    </xdr:from>
    <xdr:ext cx="57150" cy="38100"/>
    <xdr:sp macro="" textlink="">
      <xdr:nvSpPr>
        <xdr:cNvPr id="329" name="Text Box 22"/>
        <xdr:cNvSpPr txBox="1">
          <a:spLocks noChangeArrowheads="1"/>
        </xdr:cNvSpPr>
      </xdr:nvSpPr>
      <xdr:spPr bwMode="auto">
        <a:xfrm>
          <a:off x="38385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26</xdr:row>
      <xdr:rowOff>0</xdr:rowOff>
    </xdr:from>
    <xdr:ext cx="57150" cy="38100"/>
    <xdr:sp macro="" textlink="">
      <xdr:nvSpPr>
        <xdr:cNvPr id="330" name="Text Box 22"/>
        <xdr:cNvSpPr txBox="1">
          <a:spLocks noChangeArrowheads="1"/>
        </xdr:cNvSpPr>
      </xdr:nvSpPr>
      <xdr:spPr bwMode="auto">
        <a:xfrm>
          <a:off x="55721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26</xdr:row>
      <xdr:rowOff>0</xdr:rowOff>
    </xdr:from>
    <xdr:ext cx="57150" cy="38100"/>
    <xdr:sp macro="" textlink="">
      <xdr:nvSpPr>
        <xdr:cNvPr id="331" name="Text Box 22"/>
        <xdr:cNvSpPr txBox="1">
          <a:spLocks noChangeArrowheads="1"/>
        </xdr:cNvSpPr>
      </xdr:nvSpPr>
      <xdr:spPr bwMode="auto">
        <a:xfrm>
          <a:off x="60674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26</xdr:row>
      <xdr:rowOff>0</xdr:rowOff>
    </xdr:from>
    <xdr:ext cx="42862" cy="28575"/>
    <xdr:sp macro="" textlink="">
      <xdr:nvSpPr>
        <xdr:cNvPr id="332" name="Text Box 23"/>
        <xdr:cNvSpPr txBox="1">
          <a:spLocks noChangeArrowheads="1"/>
        </xdr:cNvSpPr>
      </xdr:nvSpPr>
      <xdr:spPr bwMode="auto">
        <a:xfrm>
          <a:off x="5695950" y="334232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26</xdr:row>
      <xdr:rowOff>0</xdr:rowOff>
    </xdr:from>
    <xdr:ext cx="42863" cy="38100"/>
    <xdr:sp macro="" textlink="">
      <xdr:nvSpPr>
        <xdr:cNvPr id="333" name="Text Box 22"/>
        <xdr:cNvSpPr txBox="1">
          <a:spLocks noChangeArrowheads="1"/>
        </xdr:cNvSpPr>
      </xdr:nvSpPr>
      <xdr:spPr bwMode="auto">
        <a:xfrm>
          <a:off x="5686425"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26</xdr:row>
      <xdr:rowOff>0</xdr:rowOff>
    </xdr:from>
    <xdr:ext cx="42862" cy="28575"/>
    <xdr:sp macro="" textlink="">
      <xdr:nvSpPr>
        <xdr:cNvPr id="334" name="Text Box 23"/>
        <xdr:cNvSpPr txBox="1">
          <a:spLocks noChangeArrowheads="1"/>
        </xdr:cNvSpPr>
      </xdr:nvSpPr>
      <xdr:spPr bwMode="auto">
        <a:xfrm>
          <a:off x="5695950" y="334232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26</xdr:row>
      <xdr:rowOff>0</xdr:rowOff>
    </xdr:from>
    <xdr:ext cx="57150" cy="38100"/>
    <xdr:sp macro="" textlink="">
      <xdr:nvSpPr>
        <xdr:cNvPr id="335" name="Text Box 22"/>
        <xdr:cNvSpPr txBox="1">
          <a:spLocks noChangeArrowheads="1"/>
        </xdr:cNvSpPr>
      </xdr:nvSpPr>
      <xdr:spPr bwMode="auto">
        <a:xfrm>
          <a:off x="45815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26</xdr:row>
      <xdr:rowOff>0</xdr:rowOff>
    </xdr:from>
    <xdr:ext cx="42863" cy="47625"/>
    <xdr:sp macro="" textlink="">
      <xdr:nvSpPr>
        <xdr:cNvPr id="336" name="Text Box 80"/>
        <xdr:cNvSpPr txBox="1">
          <a:spLocks noChangeArrowheads="1"/>
        </xdr:cNvSpPr>
      </xdr:nvSpPr>
      <xdr:spPr bwMode="auto">
        <a:xfrm>
          <a:off x="59340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26</xdr:row>
      <xdr:rowOff>0</xdr:rowOff>
    </xdr:from>
    <xdr:ext cx="57150" cy="38100"/>
    <xdr:sp macro="" textlink="">
      <xdr:nvSpPr>
        <xdr:cNvPr id="337" name="Text Box 22"/>
        <xdr:cNvSpPr txBox="1">
          <a:spLocks noChangeArrowheads="1"/>
        </xdr:cNvSpPr>
      </xdr:nvSpPr>
      <xdr:spPr bwMode="auto">
        <a:xfrm>
          <a:off x="58197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76200</xdr:colOff>
      <xdr:row>126</xdr:row>
      <xdr:rowOff>0</xdr:rowOff>
    </xdr:from>
    <xdr:ext cx="57150" cy="38100"/>
    <xdr:sp macro="" textlink="">
      <xdr:nvSpPr>
        <xdr:cNvPr id="338" name="Text Box 22"/>
        <xdr:cNvSpPr txBox="1">
          <a:spLocks noChangeArrowheads="1"/>
        </xdr:cNvSpPr>
      </xdr:nvSpPr>
      <xdr:spPr bwMode="auto">
        <a:xfrm>
          <a:off x="7877175" y="322040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26</xdr:row>
      <xdr:rowOff>0</xdr:rowOff>
    </xdr:from>
    <xdr:ext cx="57150" cy="38100"/>
    <xdr:sp macro="" textlink="">
      <xdr:nvSpPr>
        <xdr:cNvPr id="339" name="Text Box 22"/>
        <xdr:cNvSpPr txBox="1">
          <a:spLocks noChangeArrowheads="1"/>
        </xdr:cNvSpPr>
      </xdr:nvSpPr>
      <xdr:spPr bwMode="auto">
        <a:xfrm>
          <a:off x="643890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26</xdr:row>
      <xdr:rowOff>0</xdr:rowOff>
    </xdr:from>
    <xdr:ext cx="57150" cy="38100"/>
    <xdr:sp macro="" textlink="">
      <xdr:nvSpPr>
        <xdr:cNvPr id="340" name="Text Box 22"/>
        <xdr:cNvSpPr txBox="1">
          <a:spLocks noChangeArrowheads="1"/>
        </xdr:cNvSpPr>
      </xdr:nvSpPr>
      <xdr:spPr bwMode="auto">
        <a:xfrm>
          <a:off x="32194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26</xdr:row>
      <xdr:rowOff>0</xdr:rowOff>
    </xdr:from>
    <xdr:ext cx="42863" cy="38100"/>
    <xdr:sp macro="" textlink="">
      <xdr:nvSpPr>
        <xdr:cNvPr id="341" name="Text Box 22"/>
        <xdr:cNvSpPr txBox="1">
          <a:spLocks noChangeArrowheads="1"/>
        </xdr:cNvSpPr>
      </xdr:nvSpPr>
      <xdr:spPr bwMode="auto">
        <a:xfrm>
          <a:off x="5562600"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26</xdr:row>
      <xdr:rowOff>0</xdr:rowOff>
    </xdr:from>
    <xdr:ext cx="57150" cy="38100"/>
    <xdr:sp macro="" textlink="">
      <xdr:nvSpPr>
        <xdr:cNvPr id="342" name="Text Box 22"/>
        <xdr:cNvSpPr txBox="1">
          <a:spLocks noChangeArrowheads="1"/>
        </xdr:cNvSpPr>
      </xdr:nvSpPr>
      <xdr:spPr bwMode="auto">
        <a:xfrm>
          <a:off x="42100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26</xdr:row>
      <xdr:rowOff>0</xdr:rowOff>
    </xdr:from>
    <xdr:ext cx="57150" cy="38100"/>
    <xdr:sp macro="" textlink="">
      <xdr:nvSpPr>
        <xdr:cNvPr id="343" name="Text Box 22"/>
        <xdr:cNvSpPr txBox="1">
          <a:spLocks noChangeArrowheads="1"/>
        </xdr:cNvSpPr>
      </xdr:nvSpPr>
      <xdr:spPr bwMode="auto">
        <a:xfrm>
          <a:off x="52006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26</xdr:row>
      <xdr:rowOff>0</xdr:rowOff>
    </xdr:from>
    <xdr:ext cx="42863" cy="47625"/>
    <xdr:sp macro="" textlink="">
      <xdr:nvSpPr>
        <xdr:cNvPr id="344" name="Text Box 80"/>
        <xdr:cNvSpPr txBox="1">
          <a:spLocks noChangeArrowheads="1"/>
        </xdr:cNvSpPr>
      </xdr:nvSpPr>
      <xdr:spPr bwMode="auto">
        <a:xfrm>
          <a:off x="59340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26</xdr:row>
      <xdr:rowOff>0</xdr:rowOff>
    </xdr:from>
    <xdr:ext cx="42863" cy="47625"/>
    <xdr:sp macro="" textlink="">
      <xdr:nvSpPr>
        <xdr:cNvPr id="345" name="Text Box 117"/>
        <xdr:cNvSpPr txBox="1">
          <a:spLocks noChangeArrowheads="1"/>
        </xdr:cNvSpPr>
      </xdr:nvSpPr>
      <xdr:spPr bwMode="auto">
        <a:xfrm>
          <a:off x="5810250"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26</xdr:row>
      <xdr:rowOff>0</xdr:rowOff>
    </xdr:from>
    <xdr:ext cx="57150" cy="38100"/>
    <xdr:sp macro="" textlink="">
      <xdr:nvSpPr>
        <xdr:cNvPr id="346" name="Text Box 22"/>
        <xdr:cNvSpPr txBox="1">
          <a:spLocks noChangeArrowheads="1"/>
        </xdr:cNvSpPr>
      </xdr:nvSpPr>
      <xdr:spPr bwMode="auto">
        <a:xfrm>
          <a:off x="58197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26</xdr:row>
      <xdr:rowOff>0</xdr:rowOff>
    </xdr:from>
    <xdr:ext cx="57150" cy="38100"/>
    <xdr:sp macro="" textlink="">
      <xdr:nvSpPr>
        <xdr:cNvPr id="347" name="Text Box 22"/>
        <xdr:cNvSpPr txBox="1">
          <a:spLocks noChangeArrowheads="1"/>
        </xdr:cNvSpPr>
      </xdr:nvSpPr>
      <xdr:spPr bwMode="auto">
        <a:xfrm>
          <a:off x="65627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26</xdr:row>
      <xdr:rowOff>0</xdr:rowOff>
    </xdr:from>
    <xdr:ext cx="57150" cy="38100"/>
    <xdr:sp macro="" textlink="">
      <xdr:nvSpPr>
        <xdr:cNvPr id="348" name="Text Box 22"/>
        <xdr:cNvSpPr txBox="1">
          <a:spLocks noChangeArrowheads="1"/>
        </xdr:cNvSpPr>
      </xdr:nvSpPr>
      <xdr:spPr bwMode="auto">
        <a:xfrm>
          <a:off x="61912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26</xdr:row>
      <xdr:rowOff>0</xdr:rowOff>
    </xdr:from>
    <xdr:ext cx="42863" cy="47625"/>
    <xdr:sp macro="" textlink="">
      <xdr:nvSpPr>
        <xdr:cNvPr id="349" name="Text Box 80"/>
        <xdr:cNvSpPr txBox="1">
          <a:spLocks noChangeArrowheads="1"/>
        </xdr:cNvSpPr>
      </xdr:nvSpPr>
      <xdr:spPr bwMode="auto">
        <a:xfrm>
          <a:off x="59340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26</xdr:row>
      <xdr:rowOff>0</xdr:rowOff>
    </xdr:from>
    <xdr:ext cx="42863" cy="47625"/>
    <xdr:sp macro="" textlink="">
      <xdr:nvSpPr>
        <xdr:cNvPr id="350" name="Text Box 117"/>
        <xdr:cNvSpPr txBox="1">
          <a:spLocks noChangeArrowheads="1"/>
        </xdr:cNvSpPr>
      </xdr:nvSpPr>
      <xdr:spPr bwMode="auto">
        <a:xfrm>
          <a:off x="5810250"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26</xdr:row>
      <xdr:rowOff>0</xdr:rowOff>
    </xdr:from>
    <xdr:ext cx="57150" cy="38100"/>
    <xdr:sp macro="" textlink="">
      <xdr:nvSpPr>
        <xdr:cNvPr id="351" name="Text Box 22"/>
        <xdr:cNvSpPr txBox="1">
          <a:spLocks noChangeArrowheads="1"/>
        </xdr:cNvSpPr>
      </xdr:nvSpPr>
      <xdr:spPr bwMode="auto">
        <a:xfrm>
          <a:off x="58197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26</xdr:row>
      <xdr:rowOff>0</xdr:rowOff>
    </xdr:from>
    <xdr:ext cx="57150" cy="38100"/>
    <xdr:sp macro="" textlink="">
      <xdr:nvSpPr>
        <xdr:cNvPr id="352" name="Text Box 22"/>
        <xdr:cNvSpPr txBox="1">
          <a:spLocks noChangeArrowheads="1"/>
        </xdr:cNvSpPr>
      </xdr:nvSpPr>
      <xdr:spPr bwMode="auto">
        <a:xfrm>
          <a:off x="65627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114300</xdr:colOff>
      <xdr:row>126</xdr:row>
      <xdr:rowOff>0</xdr:rowOff>
    </xdr:from>
    <xdr:ext cx="42863" cy="38100"/>
    <xdr:sp macro="" textlink="">
      <xdr:nvSpPr>
        <xdr:cNvPr id="353" name="Text Box 22"/>
        <xdr:cNvSpPr txBox="1">
          <a:spLocks noChangeArrowheads="1"/>
        </xdr:cNvSpPr>
      </xdr:nvSpPr>
      <xdr:spPr bwMode="auto">
        <a:xfrm>
          <a:off x="7915275"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26</xdr:row>
      <xdr:rowOff>0</xdr:rowOff>
    </xdr:from>
    <xdr:ext cx="57150" cy="38100"/>
    <xdr:sp macro="" textlink="">
      <xdr:nvSpPr>
        <xdr:cNvPr id="354" name="Text Box 22"/>
        <xdr:cNvSpPr txBox="1">
          <a:spLocks noChangeArrowheads="1"/>
        </xdr:cNvSpPr>
      </xdr:nvSpPr>
      <xdr:spPr bwMode="auto">
        <a:xfrm>
          <a:off x="61912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26</xdr:row>
      <xdr:rowOff>0</xdr:rowOff>
    </xdr:from>
    <xdr:ext cx="57150" cy="38100"/>
    <xdr:sp macro="" textlink="">
      <xdr:nvSpPr>
        <xdr:cNvPr id="355" name="Text Box 22"/>
        <xdr:cNvSpPr txBox="1">
          <a:spLocks noChangeArrowheads="1"/>
        </xdr:cNvSpPr>
      </xdr:nvSpPr>
      <xdr:spPr bwMode="auto">
        <a:xfrm>
          <a:off x="71818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20</xdr:row>
      <xdr:rowOff>0</xdr:rowOff>
    </xdr:from>
    <xdr:ext cx="57150" cy="38100"/>
    <xdr:sp macro="" textlink="">
      <xdr:nvSpPr>
        <xdr:cNvPr id="316" name="Text Box 22"/>
        <xdr:cNvSpPr txBox="1">
          <a:spLocks noChangeArrowheads="1"/>
        </xdr:cNvSpPr>
      </xdr:nvSpPr>
      <xdr:spPr bwMode="auto">
        <a:xfrm>
          <a:off x="2228850" y="9868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100</xdr:row>
      <xdr:rowOff>0</xdr:rowOff>
    </xdr:from>
    <xdr:to>
      <xdr:col>32</xdr:col>
      <xdr:colOff>38101</xdr:colOff>
      <xdr:row>100</xdr:row>
      <xdr:rowOff>47625</xdr:rowOff>
    </xdr:to>
    <xdr:sp macro="" textlink="">
      <xdr:nvSpPr>
        <xdr:cNvPr id="317" name="Text Box 80"/>
        <xdr:cNvSpPr txBox="1">
          <a:spLocks noChangeArrowheads="1"/>
        </xdr:cNvSpPr>
      </xdr:nvSpPr>
      <xdr:spPr bwMode="auto">
        <a:xfrm>
          <a:off x="3952875" y="2652474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00</xdr:row>
      <xdr:rowOff>0</xdr:rowOff>
    </xdr:from>
    <xdr:to>
      <xdr:col>31</xdr:col>
      <xdr:colOff>38100</xdr:colOff>
      <xdr:row>100</xdr:row>
      <xdr:rowOff>47625</xdr:rowOff>
    </xdr:to>
    <xdr:sp macro="" textlink="">
      <xdr:nvSpPr>
        <xdr:cNvPr id="318" name="Text Box 117"/>
        <xdr:cNvSpPr txBox="1">
          <a:spLocks noChangeArrowheads="1"/>
        </xdr:cNvSpPr>
      </xdr:nvSpPr>
      <xdr:spPr bwMode="auto">
        <a:xfrm>
          <a:off x="3829050" y="263937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0</xdr:row>
      <xdr:rowOff>0</xdr:rowOff>
    </xdr:from>
    <xdr:to>
      <xdr:col>30</xdr:col>
      <xdr:colOff>76199</xdr:colOff>
      <xdr:row>100</xdr:row>
      <xdr:rowOff>47625</xdr:rowOff>
    </xdr:to>
    <xdr:sp macro="" textlink="">
      <xdr:nvSpPr>
        <xdr:cNvPr id="319" name="Text Box 118"/>
        <xdr:cNvSpPr txBox="1">
          <a:spLocks noChangeArrowheads="1"/>
        </xdr:cNvSpPr>
      </xdr:nvSpPr>
      <xdr:spPr bwMode="auto">
        <a:xfrm>
          <a:off x="3757612" y="274081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00</xdr:row>
      <xdr:rowOff>0</xdr:rowOff>
    </xdr:from>
    <xdr:to>
      <xdr:col>29</xdr:col>
      <xdr:colOff>38100</xdr:colOff>
      <xdr:row>100</xdr:row>
      <xdr:rowOff>38100</xdr:rowOff>
    </xdr:to>
    <xdr:sp macro="" textlink="">
      <xdr:nvSpPr>
        <xdr:cNvPr id="320" name="Text Box 22"/>
        <xdr:cNvSpPr txBox="1">
          <a:spLocks noChangeArrowheads="1"/>
        </xdr:cNvSpPr>
      </xdr:nvSpPr>
      <xdr:spPr bwMode="auto">
        <a:xfrm>
          <a:off x="3581400" y="263937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00</xdr:row>
      <xdr:rowOff>0</xdr:rowOff>
    </xdr:from>
    <xdr:to>
      <xdr:col>18</xdr:col>
      <xdr:colOff>57150</xdr:colOff>
      <xdr:row>100</xdr:row>
      <xdr:rowOff>38100</xdr:rowOff>
    </xdr:to>
    <xdr:sp macro="" textlink="">
      <xdr:nvSpPr>
        <xdr:cNvPr id="321" name="Text Box 22"/>
        <xdr:cNvSpPr txBox="1">
          <a:spLocks noChangeArrowheads="1"/>
        </xdr:cNvSpPr>
      </xdr:nvSpPr>
      <xdr:spPr bwMode="auto">
        <a:xfrm>
          <a:off x="22288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00</xdr:row>
      <xdr:rowOff>0</xdr:rowOff>
    </xdr:from>
    <xdr:to>
      <xdr:col>31</xdr:col>
      <xdr:colOff>57150</xdr:colOff>
      <xdr:row>100</xdr:row>
      <xdr:rowOff>38100</xdr:rowOff>
    </xdr:to>
    <xdr:sp macro="" textlink="">
      <xdr:nvSpPr>
        <xdr:cNvPr id="322" name="Text Box 22"/>
        <xdr:cNvSpPr txBox="1">
          <a:spLocks noChangeArrowheads="1"/>
        </xdr:cNvSpPr>
      </xdr:nvSpPr>
      <xdr:spPr bwMode="auto">
        <a:xfrm>
          <a:off x="38385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00</xdr:row>
      <xdr:rowOff>0</xdr:rowOff>
    </xdr:from>
    <xdr:to>
      <xdr:col>45</xdr:col>
      <xdr:colOff>57150</xdr:colOff>
      <xdr:row>100</xdr:row>
      <xdr:rowOff>38100</xdr:rowOff>
    </xdr:to>
    <xdr:sp macro="" textlink="">
      <xdr:nvSpPr>
        <xdr:cNvPr id="323" name="Text Box 22"/>
        <xdr:cNvSpPr txBox="1">
          <a:spLocks noChangeArrowheads="1"/>
        </xdr:cNvSpPr>
      </xdr:nvSpPr>
      <xdr:spPr bwMode="auto">
        <a:xfrm>
          <a:off x="55721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00</xdr:row>
      <xdr:rowOff>0</xdr:rowOff>
    </xdr:from>
    <xdr:to>
      <xdr:col>49</xdr:col>
      <xdr:colOff>57150</xdr:colOff>
      <xdr:row>100</xdr:row>
      <xdr:rowOff>38100</xdr:rowOff>
    </xdr:to>
    <xdr:sp macro="" textlink="">
      <xdr:nvSpPr>
        <xdr:cNvPr id="356" name="Text Box 22"/>
        <xdr:cNvSpPr txBox="1">
          <a:spLocks noChangeArrowheads="1"/>
        </xdr:cNvSpPr>
      </xdr:nvSpPr>
      <xdr:spPr bwMode="auto">
        <a:xfrm>
          <a:off x="60674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00</xdr:row>
      <xdr:rowOff>0</xdr:rowOff>
    </xdr:from>
    <xdr:ext cx="42862" cy="28575"/>
    <xdr:sp macro="" textlink="">
      <xdr:nvSpPr>
        <xdr:cNvPr id="357"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0</xdr:row>
      <xdr:rowOff>0</xdr:rowOff>
    </xdr:from>
    <xdr:ext cx="42863" cy="38100"/>
    <xdr:sp macro="" textlink="">
      <xdr:nvSpPr>
        <xdr:cNvPr id="358" name="Text Box 22"/>
        <xdr:cNvSpPr txBox="1">
          <a:spLocks noChangeArrowheads="1"/>
        </xdr:cNvSpPr>
      </xdr:nvSpPr>
      <xdr:spPr bwMode="auto">
        <a:xfrm>
          <a:off x="5686425"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359"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0</xdr:row>
      <xdr:rowOff>0</xdr:rowOff>
    </xdr:from>
    <xdr:ext cx="57150" cy="38100"/>
    <xdr:sp macro="" textlink="">
      <xdr:nvSpPr>
        <xdr:cNvPr id="360" name="Text Box 22"/>
        <xdr:cNvSpPr txBox="1">
          <a:spLocks noChangeArrowheads="1"/>
        </xdr:cNvSpPr>
      </xdr:nvSpPr>
      <xdr:spPr bwMode="auto">
        <a:xfrm>
          <a:off x="45815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361"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0</xdr:row>
      <xdr:rowOff>0</xdr:rowOff>
    </xdr:from>
    <xdr:ext cx="57150" cy="38100"/>
    <xdr:sp macro="" textlink="">
      <xdr:nvSpPr>
        <xdr:cNvPr id="362" name="Text Box 22"/>
        <xdr:cNvSpPr txBox="1">
          <a:spLocks noChangeArrowheads="1"/>
        </xdr:cNvSpPr>
      </xdr:nvSpPr>
      <xdr:spPr bwMode="auto">
        <a:xfrm>
          <a:off x="74295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0</xdr:row>
      <xdr:rowOff>0</xdr:rowOff>
    </xdr:from>
    <xdr:ext cx="57150" cy="38100"/>
    <xdr:sp macro="" textlink="">
      <xdr:nvSpPr>
        <xdr:cNvPr id="363" name="Text Box 22"/>
        <xdr:cNvSpPr txBox="1">
          <a:spLocks noChangeArrowheads="1"/>
        </xdr:cNvSpPr>
      </xdr:nvSpPr>
      <xdr:spPr bwMode="auto">
        <a:xfrm>
          <a:off x="64389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0</xdr:row>
      <xdr:rowOff>0</xdr:rowOff>
    </xdr:from>
    <xdr:ext cx="57150" cy="38100"/>
    <xdr:sp macro="" textlink="">
      <xdr:nvSpPr>
        <xdr:cNvPr id="364" name="Text Box 22"/>
        <xdr:cNvSpPr txBox="1">
          <a:spLocks noChangeArrowheads="1"/>
        </xdr:cNvSpPr>
      </xdr:nvSpPr>
      <xdr:spPr bwMode="auto">
        <a:xfrm>
          <a:off x="32194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0</xdr:row>
      <xdr:rowOff>0</xdr:rowOff>
    </xdr:from>
    <xdr:ext cx="42863" cy="38100"/>
    <xdr:sp macro="" textlink="">
      <xdr:nvSpPr>
        <xdr:cNvPr id="365" name="Text Box 22"/>
        <xdr:cNvSpPr txBox="1">
          <a:spLocks noChangeArrowheads="1"/>
        </xdr:cNvSpPr>
      </xdr:nvSpPr>
      <xdr:spPr bwMode="auto">
        <a:xfrm>
          <a:off x="55626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0</xdr:row>
      <xdr:rowOff>0</xdr:rowOff>
    </xdr:from>
    <xdr:ext cx="57150" cy="38100"/>
    <xdr:sp macro="" textlink="">
      <xdr:nvSpPr>
        <xdr:cNvPr id="366" name="Text Box 22"/>
        <xdr:cNvSpPr txBox="1">
          <a:spLocks noChangeArrowheads="1"/>
        </xdr:cNvSpPr>
      </xdr:nvSpPr>
      <xdr:spPr bwMode="auto">
        <a:xfrm>
          <a:off x="42100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0</xdr:row>
      <xdr:rowOff>0</xdr:rowOff>
    </xdr:from>
    <xdr:ext cx="57150" cy="38100"/>
    <xdr:sp macro="" textlink="">
      <xdr:nvSpPr>
        <xdr:cNvPr id="367" name="Text Box 22"/>
        <xdr:cNvSpPr txBox="1">
          <a:spLocks noChangeArrowheads="1"/>
        </xdr:cNvSpPr>
      </xdr:nvSpPr>
      <xdr:spPr bwMode="auto">
        <a:xfrm>
          <a:off x="52006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368" name="Text Box 80"/>
        <xdr:cNvSpPr txBox="1">
          <a:spLocks noChangeArrowheads="1"/>
        </xdr:cNvSpPr>
      </xdr:nvSpPr>
      <xdr:spPr bwMode="auto">
        <a:xfrm>
          <a:off x="5934075" y="265247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369"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370"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371"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372"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373" name="Text Box 80"/>
        <xdr:cNvSpPr txBox="1">
          <a:spLocks noChangeArrowheads="1"/>
        </xdr:cNvSpPr>
      </xdr:nvSpPr>
      <xdr:spPr bwMode="auto">
        <a:xfrm>
          <a:off x="5934075" y="265247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374"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375"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376"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0</xdr:row>
      <xdr:rowOff>0</xdr:rowOff>
    </xdr:from>
    <xdr:ext cx="42863" cy="38100"/>
    <xdr:sp macro="" textlink="">
      <xdr:nvSpPr>
        <xdr:cNvPr id="377" name="Text Box 22"/>
        <xdr:cNvSpPr txBox="1">
          <a:spLocks noChangeArrowheads="1"/>
        </xdr:cNvSpPr>
      </xdr:nvSpPr>
      <xdr:spPr bwMode="auto">
        <a:xfrm>
          <a:off x="75438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378"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0</xdr:row>
      <xdr:rowOff>0</xdr:rowOff>
    </xdr:from>
    <xdr:ext cx="57150" cy="38100"/>
    <xdr:sp macro="" textlink="">
      <xdr:nvSpPr>
        <xdr:cNvPr id="379" name="Text Box 22"/>
        <xdr:cNvSpPr txBox="1">
          <a:spLocks noChangeArrowheads="1"/>
        </xdr:cNvSpPr>
      </xdr:nvSpPr>
      <xdr:spPr bwMode="auto">
        <a:xfrm>
          <a:off x="71818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0</xdr:row>
      <xdr:rowOff>0</xdr:rowOff>
    </xdr:from>
    <xdr:ext cx="33337" cy="47625"/>
    <xdr:sp macro="" textlink="">
      <xdr:nvSpPr>
        <xdr:cNvPr id="380" name="Text Box 118"/>
        <xdr:cNvSpPr txBox="1">
          <a:spLocks noChangeArrowheads="1"/>
        </xdr:cNvSpPr>
      </xdr:nvSpPr>
      <xdr:spPr bwMode="auto">
        <a:xfrm>
          <a:off x="3757612" y="271605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7626" cy="47625"/>
    <xdr:sp macro="" textlink="">
      <xdr:nvSpPr>
        <xdr:cNvPr id="381" name="Text Box 80"/>
        <xdr:cNvSpPr txBox="1">
          <a:spLocks noChangeArrowheads="1"/>
        </xdr:cNvSpPr>
      </xdr:nvSpPr>
      <xdr:spPr bwMode="auto">
        <a:xfrm>
          <a:off x="3952875" y="2552461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7625" cy="47625"/>
    <xdr:sp macro="" textlink="">
      <xdr:nvSpPr>
        <xdr:cNvPr id="382" name="Text Box 117"/>
        <xdr:cNvSpPr txBox="1">
          <a:spLocks noChangeArrowheads="1"/>
        </xdr:cNvSpPr>
      </xdr:nvSpPr>
      <xdr:spPr bwMode="auto">
        <a:xfrm>
          <a:off x="3829050" y="2539365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383" name="Text Box 118"/>
        <xdr:cNvSpPr txBox="1">
          <a:spLocks noChangeArrowheads="1"/>
        </xdr:cNvSpPr>
      </xdr:nvSpPr>
      <xdr:spPr bwMode="auto">
        <a:xfrm>
          <a:off x="3757612" y="2640806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7625" cy="38100"/>
    <xdr:sp macro="" textlink="">
      <xdr:nvSpPr>
        <xdr:cNvPr id="384" name="Text Box 22"/>
        <xdr:cNvSpPr txBox="1">
          <a:spLocks noChangeArrowheads="1"/>
        </xdr:cNvSpPr>
      </xdr:nvSpPr>
      <xdr:spPr bwMode="auto">
        <a:xfrm>
          <a:off x="3581400" y="2539365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385" name="Text Box 22"/>
        <xdr:cNvSpPr txBox="1">
          <a:spLocks noChangeArrowheads="1"/>
        </xdr:cNvSpPr>
      </xdr:nvSpPr>
      <xdr:spPr bwMode="auto">
        <a:xfrm>
          <a:off x="22288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386" name="Text Box 22"/>
        <xdr:cNvSpPr txBox="1">
          <a:spLocks noChangeArrowheads="1"/>
        </xdr:cNvSpPr>
      </xdr:nvSpPr>
      <xdr:spPr bwMode="auto">
        <a:xfrm>
          <a:off x="38385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387" name="Text Box 22"/>
        <xdr:cNvSpPr txBox="1">
          <a:spLocks noChangeArrowheads="1"/>
        </xdr:cNvSpPr>
      </xdr:nvSpPr>
      <xdr:spPr bwMode="auto">
        <a:xfrm>
          <a:off x="55721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388" name="Text Box 22"/>
        <xdr:cNvSpPr txBox="1">
          <a:spLocks noChangeArrowheads="1"/>
        </xdr:cNvSpPr>
      </xdr:nvSpPr>
      <xdr:spPr bwMode="auto">
        <a:xfrm>
          <a:off x="60674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389" name="Text Box 23"/>
        <xdr:cNvSpPr txBox="1">
          <a:spLocks noChangeArrowheads="1"/>
        </xdr:cNvSpPr>
      </xdr:nvSpPr>
      <xdr:spPr bwMode="auto">
        <a:xfrm>
          <a:off x="5695950" y="253936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390" name="Text Box 22"/>
        <xdr:cNvSpPr txBox="1">
          <a:spLocks noChangeArrowheads="1"/>
        </xdr:cNvSpPr>
      </xdr:nvSpPr>
      <xdr:spPr bwMode="auto">
        <a:xfrm>
          <a:off x="5686425"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391" name="Text Box 23"/>
        <xdr:cNvSpPr txBox="1">
          <a:spLocks noChangeArrowheads="1"/>
        </xdr:cNvSpPr>
      </xdr:nvSpPr>
      <xdr:spPr bwMode="auto">
        <a:xfrm>
          <a:off x="5695950" y="253936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392" name="Text Box 22"/>
        <xdr:cNvSpPr txBox="1">
          <a:spLocks noChangeArrowheads="1"/>
        </xdr:cNvSpPr>
      </xdr:nvSpPr>
      <xdr:spPr bwMode="auto">
        <a:xfrm>
          <a:off x="45815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393"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394" name="Text Box 22"/>
        <xdr:cNvSpPr txBox="1">
          <a:spLocks noChangeArrowheads="1"/>
        </xdr:cNvSpPr>
      </xdr:nvSpPr>
      <xdr:spPr bwMode="auto">
        <a:xfrm>
          <a:off x="742950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395" name="Text Box 22"/>
        <xdr:cNvSpPr txBox="1">
          <a:spLocks noChangeArrowheads="1"/>
        </xdr:cNvSpPr>
      </xdr:nvSpPr>
      <xdr:spPr bwMode="auto">
        <a:xfrm>
          <a:off x="643890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396" name="Text Box 22"/>
        <xdr:cNvSpPr txBox="1">
          <a:spLocks noChangeArrowheads="1"/>
        </xdr:cNvSpPr>
      </xdr:nvSpPr>
      <xdr:spPr bwMode="auto">
        <a:xfrm>
          <a:off x="32194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397" name="Text Box 22"/>
        <xdr:cNvSpPr txBox="1">
          <a:spLocks noChangeArrowheads="1"/>
        </xdr:cNvSpPr>
      </xdr:nvSpPr>
      <xdr:spPr bwMode="auto">
        <a:xfrm>
          <a:off x="5562600"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398" name="Text Box 22"/>
        <xdr:cNvSpPr txBox="1">
          <a:spLocks noChangeArrowheads="1"/>
        </xdr:cNvSpPr>
      </xdr:nvSpPr>
      <xdr:spPr bwMode="auto">
        <a:xfrm>
          <a:off x="42100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399" name="Text Box 22"/>
        <xdr:cNvSpPr txBox="1">
          <a:spLocks noChangeArrowheads="1"/>
        </xdr:cNvSpPr>
      </xdr:nvSpPr>
      <xdr:spPr bwMode="auto">
        <a:xfrm>
          <a:off x="52006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00" name="Text Box 80"/>
        <xdr:cNvSpPr txBox="1">
          <a:spLocks noChangeArrowheads="1"/>
        </xdr:cNvSpPr>
      </xdr:nvSpPr>
      <xdr:spPr bwMode="auto">
        <a:xfrm>
          <a:off x="5934075" y="255246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401" name="Text Box 117"/>
        <xdr:cNvSpPr txBox="1">
          <a:spLocks noChangeArrowheads="1"/>
        </xdr:cNvSpPr>
      </xdr:nvSpPr>
      <xdr:spPr bwMode="auto">
        <a:xfrm>
          <a:off x="5810250" y="253936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02"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403" name="Text Box 22"/>
        <xdr:cNvSpPr txBox="1">
          <a:spLocks noChangeArrowheads="1"/>
        </xdr:cNvSpPr>
      </xdr:nvSpPr>
      <xdr:spPr bwMode="auto">
        <a:xfrm>
          <a:off x="65627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404" name="Text Box 22"/>
        <xdr:cNvSpPr txBox="1">
          <a:spLocks noChangeArrowheads="1"/>
        </xdr:cNvSpPr>
      </xdr:nvSpPr>
      <xdr:spPr bwMode="auto">
        <a:xfrm>
          <a:off x="61912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05" name="Text Box 80"/>
        <xdr:cNvSpPr txBox="1">
          <a:spLocks noChangeArrowheads="1"/>
        </xdr:cNvSpPr>
      </xdr:nvSpPr>
      <xdr:spPr bwMode="auto">
        <a:xfrm>
          <a:off x="5934075" y="255246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406" name="Text Box 117"/>
        <xdr:cNvSpPr txBox="1">
          <a:spLocks noChangeArrowheads="1"/>
        </xdr:cNvSpPr>
      </xdr:nvSpPr>
      <xdr:spPr bwMode="auto">
        <a:xfrm>
          <a:off x="5810250" y="253936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07"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408" name="Text Box 22"/>
        <xdr:cNvSpPr txBox="1">
          <a:spLocks noChangeArrowheads="1"/>
        </xdr:cNvSpPr>
      </xdr:nvSpPr>
      <xdr:spPr bwMode="auto">
        <a:xfrm>
          <a:off x="65627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409" name="Text Box 22"/>
        <xdr:cNvSpPr txBox="1">
          <a:spLocks noChangeArrowheads="1"/>
        </xdr:cNvSpPr>
      </xdr:nvSpPr>
      <xdr:spPr bwMode="auto">
        <a:xfrm>
          <a:off x="7543800"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410" name="Text Box 22"/>
        <xdr:cNvSpPr txBox="1">
          <a:spLocks noChangeArrowheads="1"/>
        </xdr:cNvSpPr>
      </xdr:nvSpPr>
      <xdr:spPr bwMode="auto">
        <a:xfrm>
          <a:off x="61912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411" name="Text Box 22"/>
        <xdr:cNvSpPr txBox="1">
          <a:spLocks noChangeArrowheads="1"/>
        </xdr:cNvSpPr>
      </xdr:nvSpPr>
      <xdr:spPr bwMode="auto">
        <a:xfrm>
          <a:off x="71818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412" name="Text Box 118"/>
        <xdr:cNvSpPr txBox="1">
          <a:spLocks noChangeArrowheads="1"/>
        </xdr:cNvSpPr>
      </xdr:nvSpPr>
      <xdr:spPr bwMode="auto">
        <a:xfrm>
          <a:off x="3757612" y="261604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6</xdr:col>
      <xdr:colOff>114300</xdr:colOff>
      <xdr:row>27</xdr:row>
      <xdr:rowOff>0</xdr:rowOff>
    </xdr:from>
    <xdr:ext cx="114299" cy="19050"/>
    <xdr:sp macro="" textlink="">
      <xdr:nvSpPr>
        <xdr:cNvPr id="413" name="Text Box 80"/>
        <xdr:cNvSpPr txBox="1">
          <a:spLocks noChangeArrowheads="1"/>
        </xdr:cNvSpPr>
      </xdr:nvSpPr>
      <xdr:spPr bwMode="auto">
        <a:xfrm>
          <a:off x="4572000" y="777240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0</xdr:row>
      <xdr:rowOff>0</xdr:rowOff>
    </xdr:from>
    <xdr:ext cx="47626" cy="47625"/>
    <xdr:sp macro="" textlink="">
      <xdr:nvSpPr>
        <xdr:cNvPr id="416" name="Text Box 80"/>
        <xdr:cNvSpPr txBox="1">
          <a:spLocks noChangeArrowheads="1"/>
        </xdr:cNvSpPr>
      </xdr:nvSpPr>
      <xdr:spPr bwMode="auto">
        <a:xfrm>
          <a:off x="3952875" y="3241357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0</xdr:row>
      <xdr:rowOff>0</xdr:rowOff>
    </xdr:from>
    <xdr:ext cx="47625" cy="47625"/>
    <xdr:sp macro="" textlink="">
      <xdr:nvSpPr>
        <xdr:cNvPr id="417" name="Text Box 117"/>
        <xdr:cNvSpPr txBox="1">
          <a:spLocks noChangeArrowheads="1"/>
        </xdr:cNvSpPr>
      </xdr:nvSpPr>
      <xdr:spPr bwMode="auto">
        <a:xfrm>
          <a:off x="3829050" y="324135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0</xdr:row>
      <xdr:rowOff>0</xdr:rowOff>
    </xdr:from>
    <xdr:ext cx="33337" cy="47625"/>
    <xdr:sp macro="" textlink="">
      <xdr:nvSpPr>
        <xdr:cNvPr id="418" name="Text Box 118"/>
        <xdr:cNvSpPr txBox="1">
          <a:spLocks noChangeArrowheads="1"/>
        </xdr:cNvSpPr>
      </xdr:nvSpPr>
      <xdr:spPr bwMode="auto">
        <a:xfrm>
          <a:off x="3757612" y="3241357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0</xdr:row>
      <xdr:rowOff>0</xdr:rowOff>
    </xdr:from>
    <xdr:ext cx="47625" cy="38100"/>
    <xdr:sp macro="" textlink="">
      <xdr:nvSpPr>
        <xdr:cNvPr id="419" name="Text Box 22"/>
        <xdr:cNvSpPr txBox="1">
          <a:spLocks noChangeArrowheads="1"/>
        </xdr:cNvSpPr>
      </xdr:nvSpPr>
      <xdr:spPr bwMode="auto">
        <a:xfrm>
          <a:off x="3581400" y="324135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0</xdr:row>
      <xdr:rowOff>0</xdr:rowOff>
    </xdr:from>
    <xdr:ext cx="57150" cy="38100"/>
    <xdr:sp macro="" textlink="">
      <xdr:nvSpPr>
        <xdr:cNvPr id="420" name="Text Box 22"/>
        <xdr:cNvSpPr txBox="1">
          <a:spLocks noChangeArrowheads="1"/>
        </xdr:cNvSpPr>
      </xdr:nvSpPr>
      <xdr:spPr bwMode="auto">
        <a:xfrm>
          <a:off x="2228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0</xdr:row>
      <xdr:rowOff>0</xdr:rowOff>
    </xdr:from>
    <xdr:ext cx="57150" cy="38100"/>
    <xdr:sp macro="" textlink="">
      <xdr:nvSpPr>
        <xdr:cNvPr id="421" name="Text Box 22"/>
        <xdr:cNvSpPr txBox="1">
          <a:spLocks noChangeArrowheads="1"/>
        </xdr:cNvSpPr>
      </xdr:nvSpPr>
      <xdr:spPr bwMode="auto">
        <a:xfrm>
          <a:off x="38385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0</xdr:row>
      <xdr:rowOff>0</xdr:rowOff>
    </xdr:from>
    <xdr:ext cx="57150" cy="38100"/>
    <xdr:sp macro="" textlink="">
      <xdr:nvSpPr>
        <xdr:cNvPr id="422" name="Text Box 22"/>
        <xdr:cNvSpPr txBox="1">
          <a:spLocks noChangeArrowheads="1"/>
        </xdr:cNvSpPr>
      </xdr:nvSpPr>
      <xdr:spPr bwMode="auto">
        <a:xfrm>
          <a:off x="55721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0</xdr:row>
      <xdr:rowOff>0</xdr:rowOff>
    </xdr:from>
    <xdr:ext cx="57150" cy="38100"/>
    <xdr:sp macro="" textlink="">
      <xdr:nvSpPr>
        <xdr:cNvPr id="423" name="Text Box 22"/>
        <xdr:cNvSpPr txBox="1">
          <a:spLocks noChangeArrowheads="1"/>
        </xdr:cNvSpPr>
      </xdr:nvSpPr>
      <xdr:spPr bwMode="auto">
        <a:xfrm>
          <a:off x="60674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424"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0</xdr:row>
      <xdr:rowOff>0</xdr:rowOff>
    </xdr:from>
    <xdr:ext cx="42863" cy="38100"/>
    <xdr:sp macro="" textlink="">
      <xdr:nvSpPr>
        <xdr:cNvPr id="425" name="Text Box 22"/>
        <xdr:cNvSpPr txBox="1">
          <a:spLocks noChangeArrowheads="1"/>
        </xdr:cNvSpPr>
      </xdr:nvSpPr>
      <xdr:spPr bwMode="auto">
        <a:xfrm>
          <a:off x="5686425"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426"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0</xdr:row>
      <xdr:rowOff>0</xdr:rowOff>
    </xdr:from>
    <xdr:ext cx="57150" cy="38100"/>
    <xdr:sp macro="" textlink="">
      <xdr:nvSpPr>
        <xdr:cNvPr id="427" name="Text Box 22"/>
        <xdr:cNvSpPr txBox="1">
          <a:spLocks noChangeArrowheads="1"/>
        </xdr:cNvSpPr>
      </xdr:nvSpPr>
      <xdr:spPr bwMode="auto">
        <a:xfrm>
          <a:off x="45815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428"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429"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0</xdr:row>
      <xdr:rowOff>0</xdr:rowOff>
    </xdr:from>
    <xdr:ext cx="57150" cy="38100"/>
    <xdr:sp macro="" textlink="">
      <xdr:nvSpPr>
        <xdr:cNvPr id="430" name="Text Box 22"/>
        <xdr:cNvSpPr txBox="1">
          <a:spLocks noChangeArrowheads="1"/>
        </xdr:cNvSpPr>
      </xdr:nvSpPr>
      <xdr:spPr bwMode="auto">
        <a:xfrm>
          <a:off x="74295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0</xdr:row>
      <xdr:rowOff>0</xdr:rowOff>
    </xdr:from>
    <xdr:ext cx="57150" cy="38100"/>
    <xdr:sp macro="" textlink="">
      <xdr:nvSpPr>
        <xdr:cNvPr id="431" name="Text Box 22"/>
        <xdr:cNvSpPr txBox="1">
          <a:spLocks noChangeArrowheads="1"/>
        </xdr:cNvSpPr>
      </xdr:nvSpPr>
      <xdr:spPr bwMode="auto">
        <a:xfrm>
          <a:off x="64389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0</xdr:row>
      <xdr:rowOff>0</xdr:rowOff>
    </xdr:from>
    <xdr:ext cx="57150" cy="38100"/>
    <xdr:sp macro="" textlink="">
      <xdr:nvSpPr>
        <xdr:cNvPr id="432" name="Text Box 22"/>
        <xdr:cNvSpPr txBox="1">
          <a:spLocks noChangeArrowheads="1"/>
        </xdr:cNvSpPr>
      </xdr:nvSpPr>
      <xdr:spPr bwMode="auto">
        <a:xfrm>
          <a:off x="32194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0</xdr:row>
      <xdr:rowOff>0</xdr:rowOff>
    </xdr:from>
    <xdr:ext cx="42863" cy="38100"/>
    <xdr:sp macro="" textlink="">
      <xdr:nvSpPr>
        <xdr:cNvPr id="433" name="Text Box 22"/>
        <xdr:cNvSpPr txBox="1">
          <a:spLocks noChangeArrowheads="1"/>
        </xdr:cNvSpPr>
      </xdr:nvSpPr>
      <xdr:spPr bwMode="auto">
        <a:xfrm>
          <a:off x="55626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0</xdr:row>
      <xdr:rowOff>0</xdr:rowOff>
    </xdr:from>
    <xdr:ext cx="57150" cy="38100"/>
    <xdr:sp macro="" textlink="">
      <xdr:nvSpPr>
        <xdr:cNvPr id="434" name="Text Box 22"/>
        <xdr:cNvSpPr txBox="1">
          <a:spLocks noChangeArrowheads="1"/>
        </xdr:cNvSpPr>
      </xdr:nvSpPr>
      <xdr:spPr bwMode="auto">
        <a:xfrm>
          <a:off x="42100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0</xdr:row>
      <xdr:rowOff>0</xdr:rowOff>
    </xdr:from>
    <xdr:ext cx="57150" cy="38100"/>
    <xdr:sp macro="" textlink="">
      <xdr:nvSpPr>
        <xdr:cNvPr id="435" name="Text Box 22"/>
        <xdr:cNvSpPr txBox="1">
          <a:spLocks noChangeArrowheads="1"/>
        </xdr:cNvSpPr>
      </xdr:nvSpPr>
      <xdr:spPr bwMode="auto">
        <a:xfrm>
          <a:off x="52006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436"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437"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438"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439"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440"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441"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442"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443"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444"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0</xdr:row>
      <xdr:rowOff>0</xdr:rowOff>
    </xdr:from>
    <xdr:ext cx="42863" cy="38100"/>
    <xdr:sp macro="" textlink="">
      <xdr:nvSpPr>
        <xdr:cNvPr id="445" name="Text Box 22"/>
        <xdr:cNvSpPr txBox="1">
          <a:spLocks noChangeArrowheads="1"/>
        </xdr:cNvSpPr>
      </xdr:nvSpPr>
      <xdr:spPr bwMode="auto">
        <a:xfrm>
          <a:off x="75438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446"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0</xdr:row>
      <xdr:rowOff>0</xdr:rowOff>
    </xdr:from>
    <xdr:ext cx="57150" cy="38100"/>
    <xdr:sp macro="" textlink="">
      <xdr:nvSpPr>
        <xdr:cNvPr id="447" name="Text Box 22"/>
        <xdr:cNvSpPr txBox="1">
          <a:spLocks noChangeArrowheads="1"/>
        </xdr:cNvSpPr>
      </xdr:nvSpPr>
      <xdr:spPr bwMode="auto">
        <a:xfrm>
          <a:off x="7181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2863" cy="47625"/>
    <xdr:sp macro="" textlink="">
      <xdr:nvSpPr>
        <xdr:cNvPr id="448" name="Text Box 80"/>
        <xdr:cNvSpPr txBox="1">
          <a:spLocks noChangeArrowheads="1"/>
        </xdr:cNvSpPr>
      </xdr:nvSpPr>
      <xdr:spPr bwMode="auto">
        <a:xfrm>
          <a:off x="39528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2863" cy="47625"/>
    <xdr:sp macro="" textlink="">
      <xdr:nvSpPr>
        <xdr:cNvPr id="449" name="Text Box 117"/>
        <xdr:cNvSpPr txBox="1">
          <a:spLocks noChangeArrowheads="1"/>
        </xdr:cNvSpPr>
      </xdr:nvSpPr>
      <xdr:spPr bwMode="auto">
        <a:xfrm>
          <a:off x="38290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450" name="Text Box 118"/>
        <xdr:cNvSpPr txBox="1">
          <a:spLocks noChangeArrowheads="1"/>
        </xdr:cNvSpPr>
      </xdr:nvSpPr>
      <xdr:spPr bwMode="auto">
        <a:xfrm>
          <a:off x="3757612" y="327755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2863" cy="38100"/>
    <xdr:sp macro="" textlink="">
      <xdr:nvSpPr>
        <xdr:cNvPr id="451" name="Text Box 22"/>
        <xdr:cNvSpPr txBox="1">
          <a:spLocks noChangeArrowheads="1"/>
        </xdr:cNvSpPr>
      </xdr:nvSpPr>
      <xdr:spPr bwMode="auto">
        <a:xfrm>
          <a:off x="35814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452" name="Text Box 22"/>
        <xdr:cNvSpPr txBox="1">
          <a:spLocks noChangeArrowheads="1"/>
        </xdr:cNvSpPr>
      </xdr:nvSpPr>
      <xdr:spPr bwMode="auto">
        <a:xfrm>
          <a:off x="2228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453" name="Text Box 22"/>
        <xdr:cNvSpPr txBox="1">
          <a:spLocks noChangeArrowheads="1"/>
        </xdr:cNvSpPr>
      </xdr:nvSpPr>
      <xdr:spPr bwMode="auto">
        <a:xfrm>
          <a:off x="38385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454" name="Text Box 22"/>
        <xdr:cNvSpPr txBox="1">
          <a:spLocks noChangeArrowheads="1"/>
        </xdr:cNvSpPr>
      </xdr:nvSpPr>
      <xdr:spPr bwMode="auto">
        <a:xfrm>
          <a:off x="55721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455" name="Text Box 22"/>
        <xdr:cNvSpPr txBox="1">
          <a:spLocks noChangeArrowheads="1"/>
        </xdr:cNvSpPr>
      </xdr:nvSpPr>
      <xdr:spPr bwMode="auto">
        <a:xfrm>
          <a:off x="60674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456"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457" name="Text Box 22"/>
        <xdr:cNvSpPr txBox="1">
          <a:spLocks noChangeArrowheads="1"/>
        </xdr:cNvSpPr>
      </xdr:nvSpPr>
      <xdr:spPr bwMode="auto">
        <a:xfrm>
          <a:off x="5686425"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458"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459" name="Text Box 22"/>
        <xdr:cNvSpPr txBox="1">
          <a:spLocks noChangeArrowheads="1"/>
        </xdr:cNvSpPr>
      </xdr:nvSpPr>
      <xdr:spPr bwMode="auto">
        <a:xfrm>
          <a:off x="45815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60"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61"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462" name="Text Box 22"/>
        <xdr:cNvSpPr txBox="1">
          <a:spLocks noChangeArrowheads="1"/>
        </xdr:cNvSpPr>
      </xdr:nvSpPr>
      <xdr:spPr bwMode="auto">
        <a:xfrm>
          <a:off x="74295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463" name="Text Box 22"/>
        <xdr:cNvSpPr txBox="1">
          <a:spLocks noChangeArrowheads="1"/>
        </xdr:cNvSpPr>
      </xdr:nvSpPr>
      <xdr:spPr bwMode="auto">
        <a:xfrm>
          <a:off x="64389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464" name="Text Box 22"/>
        <xdr:cNvSpPr txBox="1">
          <a:spLocks noChangeArrowheads="1"/>
        </xdr:cNvSpPr>
      </xdr:nvSpPr>
      <xdr:spPr bwMode="auto">
        <a:xfrm>
          <a:off x="32194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465" name="Text Box 22"/>
        <xdr:cNvSpPr txBox="1">
          <a:spLocks noChangeArrowheads="1"/>
        </xdr:cNvSpPr>
      </xdr:nvSpPr>
      <xdr:spPr bwMode="auto">
        <a:xfrm>
          <a:off x="55626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466" name="Text Box 22"/>
        <xdr:cNvSpPr txBox="1">
          <a:spLocks noChangeArrowheads="1"/>
        </xdr:cNvSpPr>
      </xdr:nvSpPr>
      <xdr:spPr bwMode="auto">
        <a:xfrm>
          <a:off x="42100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467" name="Text Box 22"/>
        <xdr:cNvSpPr txBox="1">
          <a:spLocks noChangeArrowheads="1"/>
        </xdr:cNvSpPr>
      </xdr:nvSpPr>
      <xdr:spPr bwMode="auto">
        <a:xfrm>
          <a:off x="52006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68"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469"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70"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471"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472"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473"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474"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475"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476"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477" name="Text Box 22"/>
        <xdr:cNvSpPr txBox="1">
          <a:spLocks noChangeArrowheads="1"/>
        </xdr:cNvSpPr>
      </xdr:nvSpPr>
      <xdr:spPr bwMode="auto">
        <a:xfrm>
          <a:off x="75438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478"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479" name="Text Box 22"/>
        <xdr:cNvSpPr txBox="1">
          <a:spLocks noChangeArrowheads="1"/>
        </xdr:cNvSpPr>
      </xdr:nvSpPr>
      <xdr:spPr bwMode="auto">
        <a:xfrm>
          <a:off x="7181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0</xdr:row>
      <xdr:rowOff>0</xdr:rowOff>
    </xdr:from>
    <xdr:ext cx="47626" cy="47625"/>
    <xdr:sp macro="" textlink="">
      <xdr:nvSpPr>
        <xdr:cNvPr id="480" name="Text Box 80"/>
        <xdr:cNvSpPr txBox="1">
          <a:spLocks noChangeArrowheads="1"/>
        </xdr:cNvSpPr>
      </xdr:nvSpPr>
      <xdr:spPr bwMode="auto">
        <a:xfrm>
          <a:off x="3952875" y="3241357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0</xdr:row>
      <xdr:rowOff>0</xdr:rowOff>
    </xdr:from>
    <xdr:ext cx="47625" cy="47625"/>
    <xdr:sp macro="" textlink="">
      <xdr:nvSpPr>
        <xdr:cNvPr id="481" name="Text Box 117"/>
        <xdr:cNvSpPr txBox="1">
          <a:spLocks noChangeArrowheads="1"/>
        </xdr:cNvSpPr>
      </xdr:nvSpPr>
      <xdr:spPr bwMode="auto">
        <a:xfrm>
          <a:off x="3829050" y="324135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0</xdr:row>
      <xdr:rowOff>0</xdr:rowOff>
    </xdr:from>
    <xdr:ext cx="33337" cy="47625"/>
    <xdr:sp macro="" textlink="">
      <xdr:nvSpPr>
        <xdr:cNvPr id="482" name="Text Box 118"/>
        <xdr:cNvSpPr txBox="1">
          <a:spLocks noChangeArrowheads="1"/>
        </xdr:cNvSpPr>
      </xdr:nvSpPr>
      <xdr:spPr bwMode="auto">
        <a:xfrm>
          <a:off x="3757612" y="3241357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0</xdr:row>
      <xdr:rowOff>0</xdr:rowOff>
    </xdr:from>
    <xdr:ext cx="47625" cy="38100"/>
    <xdr:sp macro="" textlink="">
      <xdr:nvSpPr>
        <xdr:cNvPr id="483" name="Text Box 22"/>
        <xdr:cNvSpPr txBox="1">
          <a:spLocks noChangeArrowheads="1"/>
        </xdr:cNvSpPr>
      </xdr:nvSpPr>
      <xdr:spPr bwMode="auto">
        <a:xfrm>
          <a:off x="3581400" y="324135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0</xdr:row>
      <xdr:rowOff>0</xdr:rowOff>
    </xdr:from>
    <xdr:ext cx="57150" cy="38100"/>
    <xdr:sp macro="" textlink="">
      <xdr:nvSpPr>
        <xdr:cNvPr id="484" name="Text Box 22"/>
        <xdr:cNvSpPr txBox="1">
          <a:spLocks noChangeArrowheads="1"/>
        </xdr:cNvSpPr>
      </xdr:nvSpPr>
      <xdr:spPr bwMode="auto">
        <a:xfrm>
          <a:off x="2228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0</xdr:row>
      <xdr:rowOff>0</xdr:rowOff>
    </xdr:from>
    <xdr:ext cx="57150" cy="38100"/>
    <xdr:sp macro="" textlink="">
      <xdr:nvSpPr>
        <xdr:cNvPr id="485" name="Text Box 22"/>
        <xdr:cNvSpPr txBox="1">
          <a:spLocks noChangeArrowheads="1"/>
        </xdr:cNvSpPr>
      </xdr:nvSpPr>
      <xdr:spPr bwMode="auto">
        <a:xfrm>
          <a:off x="38385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0</xdr:row>
      <xdr:rowOff>0</xdr:rowOff>
    </xdr:from>
    <xdr:ext cx="57150" cy="38100"/>
    <xdr:sp macro="" textlink="">
      <xdr:nvSpPr>
        <xdr:cNvPr id="486" name="Text Box 22"/>
        <xdr:cNvSpPr txBox="1">
          <a:spLocks noChangeArrowheads="1"/>
        </xdr:cNvSpPr>
      </xdr:nvSpPr>
      <xdr:spPr bwMode="auto">
        <a:xfrm>
          <a:off x="55721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0</xdr:row>
      <xdr:rowOff>0</xdr:rowOff>
    </xdr:from>
    <xdr:ext cx="57150" cy="38100"/>
    <xdr:sp macro="" textlink="">
      <xdr:nvSpPr>
        <xdr:cNvPr id="487" name="Text Box 22"/>
        <xdr:cNvSpPr txBox="1">
          <a:spLocks noChangeArrowheads="1"/>
        </xdr:cNvSpPr>
      </xdr:nvSpPr>
      <xdr:spPr bwMode="auto">
        <a:xfrm>
          <a:off x="60674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488"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0</xdr:row>
      <xdr:rowOff>0</xdr:rowOff>
    </xdr:from>
    <xdr:ext cx="42863" cy="38100"/>
    <xdr:sp macro="" textlink="">
      <xdr:nvSpPr>
        <xdr:cNvPr id="489" name="Text Box 22"/>
        <xdr:cNvSpPr txBox="1">
          <a:spLocks noChangeArrowheads="1"/>
        </xdr:cNvSpPr>
      </xdr:nvSpPr>
      <xdr:spPr bwMode="auto">
        <a:xfrm>
          <a:off x="5686425"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0</xdr:row>
      <xdr:rowOff>0</xdr:rowOff>
    </xdr:from>
    <xdr:ext cx="42862" cy="28575"/>
    <xdr:sp macro="" textlink="">
      <xdr:nvSpPr>
        <xdr:cNvPr id="490"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0</xdr:row>
      <xdr:rowOff>0</xdr:rowOff>
    </xdr:from>
    <xdr:ext cx="57150" cy="38100"/>
    <xdr:sp macro="" textlink="">
      <xdr:nvSpPr>
        <xdr:cNvPr id="491" name="Text Box 22"/>
        <xdr:cNvSpPr txBox="1">
          <a:spLocks noChangeArrowheads="1"/>
        </xdr:cNvSpPr>
      </xdr:nvSpPr>
      <xdr:spPr bwMode="auto">
        <a:xfrm>
          <a:off x="45815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492"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0</xdr:row>
      <xdr:rowOff>0</xdr:rowOff>
    </xdr:from>
    <xdr:ext cx="57150" cy="38100"/>
    <xdr:sp macro="" textlink="">
      <xdr:nvSpPr>
        <xdr:cNvPr id="493" name="Text Box 22"/>
        <xdr:cNvSpPr txBox="1">
          <a:spLocks noChangeArrowheads="1"/>
        </xdr:cNvSpPr>
      </xdr:nvSpPr>
      <xdr:spPr bwMode="auto">
        <a:xfrm>
          <a:off x="74295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0</xdr:row>
      <xdr:rowOff>0</xdr:rowOff>
    </xdr:from>
    <xdr:ext cx="57150" cy="38100"/>
    <xdr:sp macro="" textlink="">
      <xdr:nvSpPr>
        <xdr:cNvPr id="494" name="Text Box 22"/>
        <xdr:cNvSpPr txBox="1">
          <a:spLocks noChangeArrowheads="1"/>
        </xdr:cNvSpPr>
      </xdr:nvSpPr>
      <xdr:spPr bwMode="auto">
        <a:xfrm>
          <a:off x="64389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0</xdr:row>
      <xdr:rowOff>0</xdr:rowOff>
    </xdr:from>
    <xdr:ext cx="57150" cy="38100"/>
    <xdr:sp macro="" textlink="">
      <xdr:nvSpPr>
        <xdr:cNvPr id="495" name="Text Box 22"/>
        <xdr:cNvSpPr txBox="1">
          <a:spLocks noChangeArrowheads="1"/>
        </xdr:cNvSpPr>
      </xdr:nvSpPr>
      <xdr:spPr bwMode="auto">
        <a:xfrm>
          <a:off x="32194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0</xdr:row>
      <xdr:rowOff>0</xdr:rowOff>
    </xdr:from>
    <xdr:ext cx="42863" cy="38100"/>
    <xdr:sp macro="" textlink="">
      <xdr:nvSpPr>
        <xdr:cNvPr id="496" name="Text Box 22"/>
        <xdr:cNvSpPr txBox="1">
          <a:spLocks noChangeArrowheads="1"/>
        </xdr:cNvSpPr>
      </xdr:nvSpPr>
      <xdr:spPr bwMode="auto">
        <a:xfrm>
          <a:off x="55626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0</xdr:row>
      <xdr:rowOff>0</xdr:rowOff>
    </xdr:from>
    <xdr:ext cx="57150" cy="38100"/>
    <xdr:sp macro="" textlink="">
      <xdr:nvSpPr>
        <xdr:cNvPr id="497" name="Text Box 22"/>
        <xdr:cNvSpPr txBox="1">
          <a:spLocks noChangeArrowheads="1"/>
        </xdr:cNvSpPr>
      </xdr:nvSpPr>
      <xdr:spPr bwMode="auto">
        <a:xfrm>
          <a:off x="42100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0</xdr:row>
      <xdr:rowOff>0</xdr:rowOff>
    </xdr:from>
    <xdr:ext cx="57150" cy="38100"/>
    <xdr:sp macro="" textlink="">
      <xdr:nvSpPr>
        <xdr:cNvPr id="498" name="Text Box 22"/>
        <xdr:cNvSpPr txBox="1">
          <a:spLocks noChangeArrowheads="1"/>
        </xdr:cNvSpPr>
      </xdr:nvSpPr>
      <xdr:spPr bwMode="auto">
        <a:xfrm>
          <a:off x="52006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499"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500"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501"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502"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503"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0</xdr:row>
      <xdr:rowOff>0</xdr:rowOff>
    </xdr:from>
    <xdr:ext cx="42863" cy="47625"/>
    <xdr:sp macro="" textlink="">
      <xdr:nvSpPr>
        <xdr:cNvPr id="504"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0</xdr:row>
      <xdr:rowOff>0</xdr:rowOff>
    </xdr:from>
    <xdr:ext cx="42863" cy="47625"/>
    <xdr:sp macro="" textlink="">
      <xdr:nvSpPr>
        <xdr:cNvPr id="505"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0</xdr:row>
      <xdr:rowOff>0</xdr:rowOff>
    </xdr:from>
    <xdr:ext cx="57150" cy="38100"/>
    <xdr:sp macro="" textlink="">
      <xdr:nvSpPr>
        <xdr:cNvPr id="506"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0</xdr:row>
      <xdr:rowOff>0</xdr:rowOff>
    </xdr:from>
    <xdr:ext cx="57150" cy="38100"/>
    <xdr:sp macro="" textlink="">
      <xdr:nvSpPr>
        <xdr:cNvPr id="507"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0</xdr:row>
      <xdr:rowOff>0</xdr:rowOff>
    </xdr:from>
    <xdr:ext cx="42863" cy="38100"/>
    <xdr:sp macro="" textlink="">
      <xdr:nvSpPr>
        <xdr:cNvPr id="508" name="Text Box 22"/>
        <xdr:cNvSpPr txBox="1">
          <a:spLocks noChangeArrowheads="1"/>
        </xdr:cNvSpPr>
      </xdr:nvSpPr>
      <xdr:spPr bwMode="auto">
        <a:xfrm>
          <a:off x="75438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0</xdr:row>
      <xdr:rowOff>0</xdr:rowOff>
    </xdr:from>
    <xdr:ext cx="57150" cy="38100"/>
    <xdr:sp macro="" textlink="">
      <xdr:nvSpPr>
        <xdr:cNvPr id="509"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0</xdr:row>
      <xdr:rowOff>0</xdr:rowOff>
    </xdr:from>
    <xdr:ext cx="57150" cy="38100"/>
    <xdr:sp macro="" textlink="">
      <xdr:nvSpPr>
        <xdr:cNvPr id="510" name="Text Box 22"/>
        <xdr:cNvSpPr txBox="1">
          <a:spLocks noChangeArrowheads="1"/>
        </xdr:cNvSpPr>
      </xdr:nvSpPr>
      <xdr:spPr bwMode="auto">
        <a:xfrm>
          <a:off x="7181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8040" cy="47625"/>
    <xdr:sp macro="" textlink="">
      <xdr:nvSpPr>
        <xdr:cNvPr id="511" name="Text Box 80"/>
        <xdr:cNvSpPr txBox="1">
          <a:spLocks noChangeArrowheads="1"/>
        </xdr:cNvSpPr>
      </xdr:nvSpPr>
      <xdr:spPr bwMode="auto">
        <a:xfrm>
          <a:off x="3952875" y="32775525"/>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8039" cy="47625"/>
    <xdr:sp macro="" textlink="">
      <xdr:nvSpPr>
        <xdr:cNvPr id="512" name="Text Box 117"/>
        <xdr:cNvSpPr txBox="1">
          <a:spLocks noChangeArrowheads="1"/>
        </xdr:cNvSpPr>
      </xdr:nvSpPr>
      <xdr:spPr bwMode="auto">
        <a:xfrm>
          <a:off x="3829050" y="32775525"/>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513" name="Text Box 118"/>
        <xdr:cNvSpPr txBox="1">
          <a:spLocks noChangeArrowheads="1"/>
        </xdr:cNvSpPr>
      </xdr:nvSpPr>
      <xdr:spPr bwMode="auto">
        <a:xfrm>
          <a:off x="3757612" y="327755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8039" cy="38100"/>
    <xdr:sp macro="" textlink="">
      <xdr:nvSpPr>
        <xdr:cNvPr id="514" name="Text Box 22"/>
        <xdr:cNvSpPr txBox="1">
          <a:spLocks noChangeArrowheads="1"/>
        </xdr:cNvSpPr>
      </xdr:nvSpPr>
      <xdr:spPr bwMode="auto">
        <a:xfrm>
          <a:off x="3581400" y="32775525"/>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515" name="Text Box 22"/>
        <xdr:cNvSpPr txBox="1">
          <a:spLocks noChangeArrowheads="1"/>
        </xdr:cNvSpPr>
      </xdr:nvSpPr>
      <xdr:spPr bwMode="auto">
        <a:xfrm>
          <a:off x="2228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516" name="Text Box 22"/>
        <xdr:cNvSpPr txBox="1">
          <a:spLocks noChangeArrowheads="1"/>
        </xdr:cNvSpPr>
      </xdr:nvSpPr>
      <xdr:spPr bwMode="auto">
        <a:xfrm>
          <a:off x="38385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517" name="Text Box 22"/>
        <xdr:cNvSpPr txBox="1">
          <a:spLocks noChangeArrowheads="1"/>
        </xdr:cNvSpPr>
      </xdr:nvSpPr>
      <xdr:spPr bwMode="auto">
        <a:xfrm>
          <a:off x="55721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518" name="Text Box 22"/>
        <xdr:cNvSpPr txBox="1">
          <a:spLocks noChangeArrowheads="1"/>
        </xdr:cNvSpPr>
      </xdr:nvSpPr>
      <xdr:spPr bwMode="auto">
        <a:xfrm>
          <a:off x="60674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519"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520" name="Text Box 22"/>
        <xdr:cNvSpPr txBox="1">
          <a:spLocks noChangeArrowheads="1"/>
        </xdr:cNvSpPr>
      </xdr:nvSpPr>
      <xdr:spPr bwMode="auto">
        <a:xfrm>
          <a:off x="5686425"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521"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522" name="Text Box 22"/>
        <xdr:cNvSpPr txBox="1">
          <a:spLocks noChangeArrowheads="1"/>
        </xdr:cNvSpPr>
      </xdr:nvSpPr>
      <xdr:spPr bwMode="auto">
        <a:xfrm>
          <a:off x="45815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23"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24"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525" name="Text Box 22"/>
        <xdr:cNvSpPr txBox="1">
          <a:spLocks noChangeArrowheads="1"/>
        </xdr:cNvSpPr>
      </xdr:nvSpPr>
      <xdr:spPr bwMode="auto">
        <a:xfrm>
          <a:off x="74295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526" name="Text Box 22"/>
        <xdr:cNvSpPr txBox="1">
          <a:spLocks noChangeArrowheads="1"/>
        </xdr:cNvSpPr>
      </xdr:nvSpPr>
      <xdr:spPr bwMode="auto">
        <a:xfrm>
          <a:off x="64389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527" name="Text Box 22"/>
        <xdr:cNvSpPr txBox="1">
          <a:spLocks noChangeArrowheads="1"/>
        </xdr:cNvSpPr>
      </xdr:nvSpPr>
      <xdr:spPr bwMode="auto">
        <a:xfrm>
          <a:off x="32194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528" name="Text Box 22"/>
        <xdr:cNvSpPr txBox="1">
          <a:spLocks noChangeArrowheads="1"/>
        </xdr:cNvSpPr>
      </xdr:nvSpPr>
      <xdr:spPr bwMode="auto">
        <a:xfrm>
          <a:off x="55626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529" name="Text Box 22"/>
        <xdr:cNvSpPr txBox="1">
          <a:spLocks noChangeArrowheads="1"/>
        </xdr:cNvSpPr>
      </xdr:nvSpPr>
      <xdr:spPr bwMode="auto">
        <a:xfrm>
          <a:off x="42100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530" name="Text Box 22"/>
        <xdr:cNvSpPr txBox="1">
          <a:spLocks noChangeArrowheads="1"/>
        </xdr:cNvSpPr>
      </xdr:nvSpPr>
      <xdr:spPr bwMode="auto">
        <a:xfrm>
          <a:off x="52006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31"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532"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33"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534"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535"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36"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537"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38"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539"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540" name="Text Box 22"/>
        <xdr:cNvSpPr txBox="1">
          <a:spLocks noChangeArrowheads="1"/>
        </xdr:cNvSpPr>
      </xdr:nvSpPr>
      <xdr:spPr bwMode="auto">
        <a:xfrm>
          <a:off x="75438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541"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542" name="Text Box 22"/>
        <xdr:cNvSpPr txBox="1">
          <a:spLocks noChangeArrowheads="1"/>
        </xdr:cNvSpPr>
      </xdr:nvSpPr>
      <xdr:spPr bwMode="auto">
        <a:xfrm>
          <a:off x="7181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1</xdr:row>
      <xdr:rowOff>0</xdr:rowOff>
    </xdr:from>
    <xdr:ext cx="48040" cy="47625"/>
    <xdr:sp macro="" textlink="">
      <xdr:nvSpPr>
        <xdr:cNvPr id="543" name="Text Box 80"/>
        <xdr:cNvSpPr txBox="1">
          <a:spLocks noChangeArrowheads="1"/>
        </xdr:cNvSpPr>
      </xdr:nvSpPr>
      <xdr:spPr bwMode="auto">
        <a:xfrm>
          <a:off x="3952875" y="32775525"/>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1</xdr:row>
      <xdr:rowOff>0</xdr:rowOff>
    </xdr:from>
    <xdr:ext cx="48039" cy="47625"/>
    <xdr:sp macro="" textlink="">
      <xdr:nvSpPr>
        <xdr:cNvPr id="544" name="Text Box 117"/>
        <xdr:cNvSpPr txBox="1">
          <a:spLocks noChangeArrowheads="1"/>
        </xdr:cNvSpPr>
      </xdr:nvSpPr>
      <xdr:spPr bwMode="auto">
        <a:xfrm>
          <a:off x="3829050" y="32775525"/>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1</xdr:row>
      <xdr:rowOff>0</xdr:rowOff>
    </xdr:from>
    <xdr:ext cx="33337" cy="47625"/>
    <xdr:sp macro="" textlink="">
      <xdr:nvSpPr>
        <xdr:cNvPr id="545" name="Text Box 118"/>
        <xdr:cNvSpPr txBox="1">
          <a:spLocks noChangeArrowheads="1"/>
        </xdr:cNvSpPr>
      </xdr:nvSpPr>
      <xdr:spPr bwMode="auto">
        <a:xfrm>
          <a:off x="3757612" y="327755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1</xdr:row>
      <xdr:rowOff>0</xdr:rowOff>
    </xdr:from>
    <xdr:ext cx="48039" cy="38100"/>
    <xdr:sp macro="" textlink="">
      <xdr:nvSpPr>
        <xdr:cNvPr id="546" name="Text Box 22"/>
        <xdr:cNvSpPr txBox="1">
          <a:spLocks noChangeArrowheads="1"/>
        </xdr:cNvSpPr>
      </xdr:nvSpPr>
      <xdr:spPr bwMode="auto">
        <a:xfrm>
          <a:off x="3581400" y="32775525"/>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1</xdr:row>
      <xdr:rowOff>0</xdr:rowOff>
    </xdr:from>
    <xdr:ext cx="57150" cy="38100"/>
    <xdr:sp macro="" textlink="">
      <xdr:nvSpPr>
        <xdr:cNvPr id="547" name="Text Box 22"/>
        <xdr:cNvSpPr txBox="1">
          <a:spLocks noChangeArrowheads="1"/>
        </xdr:cNvSpPr>
      </xdr:nvSpPr>
      <xdr:spPr bwMode="auto">
        <a:xfrm>
          <a:off x="2228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1</xdr:row>
      <xdr:rowOff>0</xdr:rowOff>
    </xdr:from>
    <xdr:ext cx="57150" cy="38100"/>
    <xdr:sp macro="" textlink="">
      <xdr:nvSpPr>
        <xdr:cNvPr id="548" name="Text Box 22"/>
        <xdr:cNvSpPr txBox="1">
          <a:spLocks noChangeArrowheads="1"/>
        </xdr:cNvSpPr>
      </xdr:nvSpPr>
      <xdr:spPr bwMode="auto">
        <a:xfrm>
          <a:off x="38385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1</xdr:row>
      <xdr:rowOff>0</xdr:rowOff>
    </xdr:from>
    <xdr:ext cx="57150" cy="38100"/>
    <xdr:sp macro="" textlink="">
      <xdr:nvSpPr>
        <xdr:cNvPr id="549" name="Text Box 22"/>
        <xdr:cNvSpPr txBox="1">
          <a:spLocks noChangeArrowheads="1"/>
        </xdr:cNvSpPr>
      </xdr:nvSpPr>
      <xdr:spPr bwMode="auto">
        <a:xfrm>
          <a:off x="55721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1</xdr:row>
      <xdr:rowOff>0</xdr:rowOff>
    </xdr:from>
    <xdr:ext cx="57150" cy="38100"/>
    <xdr:sp macro="" textlink="">
      <xdr:nvSpPr>
        <xdr:cNvPr id="550" name="Text Box 22"/>
        <xdr:cNvSpPr txBox="1">
          <a:spLocks noChangeArrowheads="1"/>
        </xdr:cNvSpPr>
      </xdr:nvSpPr>
      <xdr:spPr bwMode="auto">
        <a:xfrm>
          <a:off x="60674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551"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1</xdr:row>
      <xdr:rowOff>0</xdr:rowOff>
    </xdr:from>
    <xdr:ext cx="42863" cy="38100"/>
    <xdr:sp macro="" textlink="">
      <xdr:nvSpPr>
        <xdr:cNvPr id="552" name="Text Box 22"/>
        <xdr:cNvSpPr txBox="1">
          <a:spLocks noChangeArrowheads="1"/>
        </xdr:cNvSpPr>
      </xdr:nvSpPr>
      <xdr:spPr bwMode="auto">
        <a:xfrm>
          <a:off x="5686425"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1</xdr:row>
      <xdr:rowOff>0</xdr:rowOff>
    </xdr:from>
    <xdr:ext cx="42862" cy="28575"/>
    <xdr:sp macro="" textlink="">
      <xdr:nvSpPr>
        <xdr:cNvPr id="553"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1</xdr:row>
      <xdr:rowOff>0</xdr:rowOff>
    </xdr:from>
    <xdr:ext cx="57150" cy="38100"/>
    <xdr:sp macro="" textlink="">
      <xdr:nvSpPr>
        <xdr:cNvPr id="554" name="Text Box 22"/>
        <xdr:cNvSpPr txBox="1">
          <a:spLocks noChangeArrowheads="1"/>
        </xdr:cNvSpPr>
      </xdr:nvSpPr>
      <xdr:spPr bwMode="auto">
        <a:xfrm>
          <a:off x="45815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55"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1</xdr:row>
      <xdr:rowOff>0</xdr:rowOff>
    </xdr:from>
    <xdr:ext cx="57150" cy="38100"/>
    <xdr:sp macro="" textlink="">
      <xdr:nvSpPr>
        <xdr:cNvPr id="556" name="Text Box 22"/>
        <xdr:cNvSpPr txBox="1">
          <a:spLocks noChangeArrowheads="1"/>
        </xdr:cNvSpPr>
      </xdr:nvSpPr>
      <xdr:spPr bwMode="auto">
        <a:xfrm>
          <a:off x="74295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1</xdr:row>
      <xdr:rowOff>0</xdr:rowOff>
    </xdr:from>
    <xdr:ext cx="57150" cy="38100"/>
    <xdr:sp macro="" textlink="">
      <xdr:nvSpPr>
        <xdr:cNvPr id="557" name="Text Box 22"/>
        <xdr:cNvSpPr txBox="1">
          <a:spLocks noChangeArrowheads="1"/>
        </xdr:cNvSpPr>
      </xdr:nvSpPr>
      <xdr:spPr bwMode="auto">
        <a:xfrm>
          <a:off x="64389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1</xdr:row>
      <xdr:rowOff>0</xdr:rowOff>
    </xdr:from>
    <xdr:ext cx="57150" cy="38100"/>
    <xdr:sp macro="" textlink="">
      <xdr:nvSpPr>
        <xdr:cNvPr id="558" name="Text Box 22"/>
        <xdr:cNvSpPr txBox="1">
          <a:spLocks noChangeArrowheads="1"/>
        </xdr:cNvSpPr>
      </xdr:nvSpPr>
      <xdr:spPr bwMode="auto">
        <a:xfrm>
          <a:off x="32194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1</xdr:row>
      <xdr:rowOff>0</xdr:rowOff>
    </xdr:from>
    <xdr:ext cx="42863" cy="38100"/>
    <xdr:sp macro="" textlink="">
      <xdr:nvSpPr>
        <xdr:cNvPr id="559" name="Text Box 22"/>
        <xdr:cNvSpPr txBox="1">
          <a:spLocks noChangeArrowheads="1"/>
        </xdr:cNvSpPr>
      </xdr:nvSpPr>
      <xdr:spPr bwMode="auto">
        <a:xfrm>
          <a:off x="55626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1</xdr:row>
      <xdr:rowOff>0</xdr:rowOff>
    </xdr:from>
    <xdr:ext cx="57150" cy="38100"/>
    <xdr:sp macro="" textlink="">
      <xdr:nvSpPr>
        <xdr:cNvPr id="560" name="Text Box 22"/>
        <xdr:cNvSpPr txBox="1">
          <a:spLocks noChangeArrowheads="1"/>
        </xdr:cNvSpPr>
      </xdr:nvSpPr>
      <xdr:spPr bwMode="auto">
        <a:xfrm>
          <a:off x="42100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1</xdr:row>
      <xdr:rowOff>0</xdr:rowOff>
    </xdr:from>
    <xdr:ext cx="57150" cy="38100"/>
    <xdr:sp macro="" textlink="">
      <xdr:nvSpPr>
        <xdr:cNvPr id="561" name="Text Box 22"/>
        <xdr:cNvSpPr txBox="1">
          <a:spLocks noChangeArrowheads="1"/>
        </xdr:cNvSpPr>
      </xdr:nvSpPr>
      <xdr:spPr bwMode="auto">
        <a:xfrm>
          <a:off x="52006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62"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563"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64"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565"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566"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1</xdr:row>
      <xdr:rowOff>0</xdr:rowOff>
    </xdr:from>
    <xdr:ext cx="42863" cy="47625"/>
    <xdr:sp macro="" textlink="">
      <xdr:nvSpPr>
        <xdr:cNvPr id="567"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1</xdr:row>
      <xdr:rowOff>0</xdr:rowOff>
    </xdr:from>
    <xdr:ext cx="42863" cy="47625"/>
    <xdr:sp macro="" textlink="">
      <xdr:nvSpPr>
        <xdr:cNvPr id="568"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1</xdr:row>
      <xdr:rowOff>0</xdr:rowOff>
    </xdr:from>
    <xdr:ext cx="57150" cy="38100"/>
    <xdr:sp macro="" textlink="">
      <xdr:nvSpPr>
        <xdr:cNvPr id="569"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1</xdr:row>
      <xdr:rowOff>0</xdr:rowOff>
    </xdr:from>
    <xdr:ext cx="57150" cy="38100"/>
    <xdr:sp macro="" textlink="">
      <xdr:nvSpPr>
        <xdr:cNvPr id="570"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1</xdr:row>
      <xdr:rowOff>0</xdr:rowOff>
    </xdr:from>
    <xdr:ext cx="42863" cy="38100"/>
    <xdr:sp macro="" textlink="">
      <xdr:nvSpPr>
        <xdr:cNvPr id="571" name="Text Box 22"/>
        <xdr:cNvSpPr txBox="1">
          <a:spLocks noChangeArrowheads="1"/>
        </xdr:cNvSpPr>
      </xdr:nvSpPr>
      <xdr:spPr bwMode="auto">
        <a:xfrm>
          <a:off x="75438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1</xdr:row>
      <xdr:rowOff>0</xdr:rowOff>
    </xdr:from>
    <xdr:ext cx="57150" cy="38100"/>
    <xdr:sp macro="" textlink="">
      <xdr:nvSpPr>
        <xdr:cNvPr id="572"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1</xdr:row>
      <xdr:rowOff>0</xdr:rowOff>
    </xdr:from>
    <xdr:ext cx="57150" cy="38100"/>
    <xdr:sp macro="" textlink="">
      <xdr:nvSpPr>
        <xdr:cNvPr id="573" name="Text Box 22"/>
        <xdr:cNvSpPr txBox="1">
          <a:spLocks noChangeArrowheads="1"/>
        </xdr:cNvSpPr>
      </xdr:nvSpPr>
      <xdr:spPr bwMode="auto">
        <a:xfrm>
          <a:off x="7181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87</xdr:row>
      <xdr:rowOff>0</xdr:rowOff>
    </xdr:from>
    <xdr:ext cx="61912" cy="38100"/>
    <xdr:sp macro="" textlink="">
      <xdr:nvSpPr>
        <xdr:cNvPr id="574" name="Text Box 80"/>
        <xdr:cNvSpPr txBox="1">
          <a:spLocks noChangeArrowheads="1"/>
        </xdr:cNvSpPr>
      </xdr:nvSpPr>
      <xdr:spPr bwMode="auto">
        <a:xfrm>
          <a:off x="4800600" y="255879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90</xdr:row>
      <xdr:rowOff>130969</xdr:rowOff>
    </xdr:from>
    <xdr:to>
      <xdr:col>32</xdr:col>
      <xdr:colOff>38101</xdr:colOff>
      <xdr:row>91</xdr:row>
      <xdr:rowOff>26194</xdr:rowOff>
    </xdr:to>
    <xdr:sp macro="" textlink="">
      <xdr:nvSpPr>
        <xdr:cNvPr id="575" name="Text Box 80"/>
        <xdr:cNvSpPr txBox="1">
          <a:spLocks noChangeArrowheads="1"/>
        </xdr:cNvSpPr>
      </xdr:nvSpPr>
      <xdr:spPr bwMode="auto">
        <a:xfrm>
          <a:off x="3657600" y="26419969"/>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90</xdr:row>
      <xdr:rowOff>0</xdr:rowOff>
    </xdr:from>
    <xdr:to>
      <xdr:col>31</xdr:col>
      <xdr:colOff>38100</xdr:colOff>
      <xdr:row>90</xdr:row>
      <xdr:rowOff>47625</xdr:rowOff>
    </xdr:to>
    <xdr:sp macro="" textlink="">
      <xdr:nvSpPr>
        <xdr:cNvPr id="576" name="Text Box 117"/>
        <xdr:cNvSpPr txBox="1">
          <a:spLocks noChangeArrowheads="1"/>
        </xdr:cNvSpPr>
      </xdr:nvSpPr>
      <xdr:spPr bwMode="auto">
        <a:xfrm>
          <a:off x="3543300" y="2628900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94</xdr:row>
      <xdr:rowOff>23813</xdr:rowOff>
    </xdr:from>
    <xdr:to>
      <xdr:col>30</xdr:col>
      <xdr:colOff>76199</xdr:colOff>
      <xdr:row>94</xdr:row>
      <xdr:rowOff>71438</xdr:rowOff>
    </xdr:to>
    <xdr:sp macro="" textlink="">
      <xdr:nvSpPr>
        <xdr:cNvPr id="577" name="Text Box 118"/>
        <xdr:cNvSpPr txBox="1">
          <a:spLocks noChangeArrowheads="1"/>
        </xdr:cNvSpPr>
      </xdr:nvSpPr>
      <xdr:spPr bwMode="auto">
        <a:xfrm>
          <a:off x="3471862" y="273186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90</xdr:row>
      <xdr:rowOff>0</xdr:rowOff>
    </xdr:from>
    <xdr:to>
      <xdr:col>29</xdr:col>
      <xdr:colOff>38100</xdr:colOff>
      <xdr:row>90</xdr:row>
      <xdr:rowOff>38100</xdr:rowOff>
    </xdr:to>
    <xdr:sp macro="" textlink="">
      <xdr:nvSpPr>
        <xdr:cNvPr id="578" name="Text Box 22"/>
        <xdr:cNvSpPr txBox="1">
          <a:spLocks noChangeArrowheads="1"/>
        </xdr:cNvSpPr>
      </xdr:nvSpPr>
      <xdr:spPr bwMode="auto">
        <a:xfrm>
          <a:off x="3314700" y="2628900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90</xdr:row>
      <xdr:rowOff>0</xdr:rowOff>
    </xdr:from>
    <xdr:to>
      <xdr:col>18</xdr:col>
      <xdr:colOff>57150</xdr:colOff>
      <xdr:row>90</xdr:row>
      <xdr:rowOff>38100</xdr:rowOff>
    </xdr:to>
    <xdr:sp macro="" textlink="">
      <xdr:nvSpPr>
        <xdr:cNvPr id="579" name="Text Box 22"/>
        <xdr:cNvSpPr txBox="1">
          <a:spLocks noChangeArrowheads="1"/>
        </xdr:cNvSpPr>
      </xdr:nvSpPr>
      <xdr:spPr bwMode="auto">
        <a:xfrm>
          <a:off x="2057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90</xdr:row>
      <xdr:rowOff>0</xdr:rowOff>
    </xdr:from>
    <xdr:to>
      <xdr:col>31</xdr:col>
      <xdr:colOff>57150</xdr:colOff>
      <xdr:row>90</xdr:row>
      <xdr:rowOff>38100</xdr:rowOff>
    </xdr:to>
    <xdr:sp macro="" textlink="">
      <xdr:nvSpPr>
        <xdr:cNvPr id="580" name="Text Box 22"/>
        <xdr:cNvSpPr txBox="1">
          <a:spLocks noChangeArrowheads="1"/>
        </xdr:cNvSpPr>
      </xdr:nvSpPr>
      <xdr:spPr bwMode="auto">
        <a:xfrm>
          <a:off x="3543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90</xdr:row>
      <xdr:rowOff>0</xdr:rowOff>
    </xdr:from>
    <xdr:to>
      <xdr:col>45</xdr:col>
      <xdr:colOff>57150</xdr:colOff>
      <xdr:row>90</xdr:row>
      <xdr:rowOff>38100</xdr:rowOff>
    </xdr:to>
    <xdr:sp macro="" textlink="">
      <xdr:nvSpPr>
        <xdr:cNvPr id="581" name="Text Box 22"/>
        <xdr:cNvSpPr txBox="1">
          <a:spLocks noChangeArrowheads="1"/>
        </xdr:cNvSpPr>
      </xdr:nvSpPr>
      <xdr:spPr bwMode="auto">
        <a:xfrm>
          <a:off x="51435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90</xdr:row>
      <xdr:rowOff>0</xdr:rowOff>
    </xdr:from>
    <xdr:to>
      <xdr:col>49</xdr:col>
      <xdr:colOff>57150</xdr:colOff>
      <xdr:row>90</xdr:row>
      <xdr:rowOff>38100</xdr:rowOff>
    </xdr:to>
    <xdr:sp macro="" textlink="">
      <xdr:nvSpPr>
        <xdr:cNvPr id="582" name="Text Box 22"/>
        <xdr:cNvSpPr txBox="1">
          <a:spLocks noChangeArrowheads="1"/>
        </xdr:cNvSpPr>
      </xdr:nvSpPr>
      <xdr:spPr bwMode="auto">
        <a:xfrm>
          <a:off x="56007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90</xdr:row>
      <xdr:rowOff>0</xdr:rowOff>
    </xdr:from>
    <xdr:ext cx="42862" cy="28575"/>
    <xdr:sp macro="" textlink="">
      <xdr:nvSpPr>
        <xdr:cNvPr id="583"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0</xdr:row>
      <xdr:rowOff>0</xdr:rowOff>
    </xdr:from>
    <xdr:ext cx="42863" cy="38100"/>
    <xdr:sp macro="" textlink="">
      <xdr:nvSpPr>
        <xdr:cNvPr id="584" name="Text Box 22"/>
        <xdr:cNvSpPr txBox="1">
          <a:spLocks noChangeArrowheads="1"/>
        </xdr:cNvSpPr>
      </xdr:nvSpPr>
      <xdr:spPr bwMode="auto">
        <a:xfrm>
          <a:off x="52578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0</xdr:row>
      <xdr:rowOff>0</xdr:rowOff>
    </xdr:from>
    <xdr:ext cx="42862" cy="28575"/>
    <xdr:sp macro="" textlink="">
      <xdr:nvSpPr>
        <xdr:cNvPr id="585"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0</xdr:row>
      <xdr:rowOff>0</xdr:rowOff>
    </xdr:from>
    <xdr:ext cx="57150" cy="38100"/>
    <xdr:sp macro="" textlink="">
      <xdr:nvSpPr>
        <xdr:cNvPr id="586" name="Text Box 22"/>
        <xdr:cNvSpPr txBox="1">
          <a:spLocks noChangeArrowheads="1"/>
        </xdr:cNvSpPr>
      </xdr:nvSpPr>
      <xdr:spPr bwMode="auto">
        <a:xfrm>
          <a:off x="4229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587"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0</xdr:row>
      <xdr:rowOff>0</xdr:rowOff>
    </xdr:from>
    <xdr:ext cx="57150" cy="38100"/>
    <xdr:sp macro="" textlink="">
      <xdr:nvSpPr>
        <xdr:cNvPr id="588" name="Text Box 22"/>
        <xdr:cNvSpPr txBox="1">
          <a:spLocks noChangeArrowheads="1"/>
        </xdr:cNvSpPr>
      </xdr:nvSpPr>
      <xdr:spPr bwMode="auto">
        <a:xfrm>
          <a:off x="5943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90</xdr:row>
      <xdr:rowOff>0</xdr:rowOff>
    </xdr:from>
    <xdr:ext cx="57150" cy="38100"/>
    <xdr:sp macro="" textlink="">
      <xdr:nvSpPr>
        <xdr:cNvPr id="589" name="Text Box 22"/>
        <xdr:cNvSpPr txBox="1">
          <a:spLocks noChangeArrowheads="1"/>
        </xdr:cNvSpPr>
      </xdr:nvSpPr>
      <xdr:spPr bwMode="auto">
        <a:xfrm>
          <a:off x="29718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0</xdr:row>
      <xdr:rowOff>0</xdr:rowOff>
    </xdr:from>
    <xdr:ext cx="42863" cy="38100"/>
    <xdr:sp macro="" textlink="">
      <xdr:nvSpPr>
        <xdr:cNvPr id="590" name="Text Box 22"/>
        <xdr:cNvSpPr txBox="1">
          <a:spLocks noChangeArrowheads="1"/>
        </xdr:cNvSpPr>
      </xdr:nvSpPr>
      <xdr:spPr bwMode="auto">
        <a:xfrm>
          <a:off x="51435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0</xdr:row>
      <xdr:rowOff>0</xdr:rowOff>
    </xdr:from>
    <xdr:ext cx="57150" cy="38100"/>
    <xdr:sp macro="" textlink="">
      <xdr:nvSpPr>
        <xdr:cNvPr id="591" name="Text Box 22"/>
        <xdr:cNvSpPr txBox="1">
          <a:spLocks noChangeArrowheads="1"/>
        </xdr:cNvSpPr>
      </xdr:nvSpPr>
      <xdr:spPr bwMode="auto">
        <a:xfrm>
          <a:off x="3886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0</xdr:row>
      <xdr:rowOff>0</xdr:rowOff>
    </xdr:from>
    <xdr:ext cx="57150" cy="38100"/>
    <xdr:sp macro="" textlink="">
      <xdr:nvSpPr>
        <xdr:cNvPr id="592" name="Text Box 22"/>
        <xdr:cNvSpPr txBox="1">
          <a:spLocks noChangeArrowheads="1"/>
        </xdr:cNvSpPr>
      </xdr:nvSpPr>
      <xdr:spPr bwMode="auto">
        <a:xfrm>
          <a:off x="4800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593"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594"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595"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596"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597"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598"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599"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00"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601"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02"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0</xdr:row>
      <xdr:rowOff>0</xdr:rowOff>
    </xdr:from>
    <xdr:ext cx="57150" cy="38100"/>
    <xdr:sp macro="" textlink="">
      <xdr:nvSpPr>
        <xdr:cNvPr id="603" name="Text Box 22"/>
        <xdr:cNvSpPr txBox="1">
          <a:spLocks noChangeArrowheads="1"/>
        </xdr:cNvSpPr>
      </xdr:nvSpPr>
      <xdr:spPr bwMode="auto">
        <a:xfrm>
          <a:off x="6629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93</xdr:row>
      <xdr:rowOff>23813</xdr:rowOff>
    </xdr:from>
    <xdr:ext cx="33337" cy="47625"/>
    <xdr:sp macro="" textlink="">
      <xdr:nvSpPr>
        <xdr:cNvPr id="604" name="Text Box 118"/>
        <xdr:cNvSpPr txBox="1">
          <a:spLocks noChangeArrowheads="1"/>
        </xdr:cNvSpPr>
      </xdr:nvSpPr>
      <xdr:spPr bwMode="auto">
        <a:xfrm>
          <a:off x="3471862" y="2706719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90</xdr:row>
      <xdr:rowOff>130969</xdr:rowOff>
    </xdr:from>
    <xdr:to>
      <xdr:col>32</xdr:col>
      <xdr:colOff>38101</xdr:colOff>
      <xdr:row>91</xdr:row>
      <xdr:rowOff>26194</xdr:rowOff>
    </xdr:to>
    <xdr:sp macro="" textlink="">
      <xdr:nvSpPr>
        <xdr:cNvPr id="605" name="Text Box 80"/>
        <xdr:cNvSpPr txBox="1">
          <a:spLocks noChangeArrowheads="1"/>
        </xdr:cNvSpPr>
      </xdr:nvSpPr>
      <xdr:spPr bwMode="auto">
        <a:xfrm>
          <a:off x="3657600" y="26419969"/>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90</xdr:row>
      <xdr:rowOff>0</xdr:rowOff>
    </xdr:from>
    <xdr:to>
      <xdr:col>31</xdr:col>
      <xdr:colOff>38100</xdr:colOff>
      <xdr:row>90</xdr:row>
      <xdr:rowOff>47625</xdr:rowOff>
    </xdr:to>
    <xdr:sp macro="" textlink="">
      <xdr:nvSpPr>
        <xdr:cNvPr id="606" name="Text Box 117"/>
        <xdr:cNvSpPr txBox="1">
          <a:spLocks noChangeArrowheads="1"/>
        </xdr:cNvSpPr>
      </xdr:nvSpPr>
      <xdr:spPr bwMode="auto">
        <a:xfrm>
          <a:off x="3543300" y="2628900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94</xdr:row>
      <xdr:rowOff>23813</xdr:rowOff>
    </xdr:from>
    <xdr:to>
      <xdr:col>30</xdr:col>
      <xdr:colOff>76199</xdr:colOff>
      <xdr:row>94</xdr:row>
      <xdr:rowOff>71438</xdr:rowOff>
    </xdr:to>
    <xdr:sp macro="" textlink="">
      <xdr:nvSpPr>
        <xdr:cNvPr id="607" name="Text Box 118"/>
        <xdr:cNvSpPr txBox="1">
          <a:spLocks noChangeArrowheads="1"/>
        </xdr:cNvSpPr>
      </xdr:nvSpPr>
      <xdr:spPr bwMode="auto">
        <a:xfrm>
          <a:off x="3471862" y="273186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90</xdr:row>
      <xdr:rowOff>0</xdr:rowOff>
    </xdr:from>
    <xdr:to>
      <xdr:col>29</xdr:col>
      <xdr:colOff>38100</xdr:colOff>
      <xdr:row>90</xdr:row>
      <xdr:rowOff>38100</xdr:rowOff>
    </xdr:to>
    <xdr:sp macro="" textlink="">
      <xdr:nvSpPr>
        <xdr:cNvPr id="608" name="Text Box 22"/>
        <xdr:cNvSpPr txBox="1">
          <a:spLocks noChangeArrowheads="1"/>
        </xdr:cNvSpPr>
      </xdr:nvSpPr>
      <xdr:spPr bwMode="auto">
        <a:xfrm>
          <a:off x="3314700" y="2628900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90</xdr:row>
      <xdr:rowOff>0</xdr:rowOff>
    </xdr:from>
    <xdr:to>
      <xdr:col>31</xdr:col>
      <xdr:colOff>57150</xdr:colOff>
      <xdr:row>90</xdr:row>
      <xdr:rowOff>38100</xdr:rowOff>
    </xdr:to>
    <xdr:sp macro="" textlink="">
      <xdr:nvSpPr>
        <xdr:cNvPr id="609" name="Text Box 22"/>
        <xdr:cNvSpPr txBox="1">
          <a:spLocks noChangeArrowheads="1"/>
        </xdr:cNvSpPr>
      </xdr:nvSpPr>
      <xdr:spPr bwMode="auto">
        <a:xfrm>
          <a:off x="3543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90</xdr:row>
      <xdr:rowOff>0</xdr:rowOff>
    </xdr:from>
    <xdr:to>
      <xdr:col>45</xdr:col>
      <xdr:colOff>57150</xdr:colOff>
      <xdr:row>90</xdr:row>
      <xdr:rowOff>38100</xdr:rowOff>
    </xdr:to>
    <xdr:sp macro="" textlink="">
      <xdr:nvSpPr>
        <xdr:cNvPr id="610" name="Text Box 22"/>
        <xdr:cNvSpPr txBox="1">
          <a:spLocks noChangeArrowheads="1"/>
        </xdr:cNvSpPr>
      </xdr:nvSpPr>
      <xdr:spPr bwMode="auto">
        <a:xfrm>
          <a:off x="51435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90</xdr:row>
      <xdr:rowOff>0</xdr:rowOff>
    </xdr:from>
    <xdr:to>
      <xdr:col>49</xdr:col>
      <xdr:colOff>57150</xdr:colOff>
      <xdr:row>90</xdr:row>
      <xdr:rowOff>38100</xdr:rowOff>
    </xdr:to>
    <xdr:sp macro="" textlink="">
      <xdr:nvSpPr>
        <xdr:cNvPr id="611" name="Text Box 22"/>
        <xdr:cNvSpPr txBox="1">
          <a:spLocks noChangeArrowheads="1"/>
        </xdr:cNvSpPr>
      </xdr:nvSpPr>
      <xdr:spPr bwMode="auto">
        <a:xfrm>
          <a:off x="56007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90</xdr:row>
      <xdr:rowOff>0</xdr:rowOff>
    </xdr:from>
    <xdr:ext cx="42862" cy="28575"/>
    <xdr:sp macro="" textlink="">
      <xdr:nvSpPr>
        <xdr:cNvPr id="612"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0</xdr:row>
      <xdr:rowOff>0</xdr:rowOff>
    </xdr:from>
    <xdr:ext cx="42863" cy="38100"/>
    <xdr:sp macro="" textlink="">
      <xdr:nvSpPr>
        <xdr:cNvPr id="613" name="Text Box 22"/>
        <xdr:cNvSpPr txBox="1">
          <a:spLocks noChangeArrowheads="1"/>
        </xdr:cNvSpPr>
      </xdr:nvSpPr>
      <xdr:spPr bwMode="auto">
        <a:xfrm>
          <a:off x="52578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0</xdr:row>
      <xdr:rowOff>0</xdr:rowOff>
    </xdr:from>
    <xdr:ext cx="42862" cy="28575"/>
    <xdr:sp macro="" textlink="">
      <xdr:nvSpPr>
        <xdr:cNvPr id="614"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0</xdr:row>
      <xdr:rowOff>0</xdr:rowOff>
    </xdr:from>
    <xdr:ext cx="57150" cy="38100"/>
    <xdr:sp macro="" textlink="">
      <xdr:nvSpPr>
        <xdr:cNvPr id="615" name="Text Box 22"/>
        <xdr:cNvSpPr txBox="1">
          <a:spLocks noChangeArrowheads="1"/>
        </xdr:cNvSpPr>
      </xdr:nvSpPr>
      <xdr:spPr bwMode="auto">
        <a:xfrm>
          <a:off x="4229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16"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90</xdr:row>
      <xdr:rowOff>0</xdr:rowOff>
    </xdr:from>
    <xdr:ext cx="57150" cy="38100"/>
    <xdr:sp macro="" textlink="">
      <xdr:nvSpPr>
        <xdr:cNvPr id="617" name="Text Box 22"/>
        <xdr:cNvSpPr txBox="1">
          <a:spLocks noChangeArrowheads="1"/>
        </xdr:cNvSpPr>
      </xdr:nvSpPr>
      <xdr:spPr bwMode="auto">
        <a:xfrm>
          <a:off x="6858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0</xdr:row>
      <xdr:rowOff>0</xdr:rowOff>
    </xdr:from>
    <xdr:ext cx="57150" cy="38100"/>
    <xdr:sp macro="" textlink="">
      <xdr:nvSpPr>
        <xdr:cNvPr id="618" name="Text Box 22"/>
        <xdr:cNvSpPr txBox="1">
          <a:spLocks noChangeArrowheads="1"/>
        </xdr:cNvSpPr>
      </xdr:nvSpPr>
      <xdr:spPr bwMode="auto">
        <a:xfrm>
          <a:off x="5943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0</xdr:row>
      <xdr:rowOff>0</xdr:rowOff>
    </xdr:from>
    <xdr:ext cx="42863" cy="38100"/>
    <xdr:sp macro="" textlink="">
      <xdr:nvSpPr>
        <xdr:cNvPr id="619" name="Text Box 22"/>
        <xdr:cNvSpPr txBox="1">
          <a:spLocks noChangeArrowheads="1"/>
        </xdr:cNvSpPr>
      </xdr:nvSpPr>
      <xdr:spPr bwMode="auto">
        <a:xfrm>
          <a:off x="51435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0</xdr:row>
      <xdr:rowOff>0</xdr:rowOff>
    </xdr:from>
    <xdr:ext cx="57150" cy="38100"/>
    <xdr:sp macro="" textlink="">
      <xdr:nvSpPr>
        <xdr:cNvPr id="620" name="Text Box 22"/>
        <xdr:cNvSpPr txBox="1">
          <a:spLocks noChangeArrowheads="1"/>
        </xdr:cNvSpPr>
      </xdr:nvSpPr>
      <xdr:spPr bwMode="auto">
        <a:xfrm>
          <a:off x="3886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0</xdr:row>
      <xdr:rowOff>0</xdr:rowOff>
    </xdr:from>
    <xdr:ext cx="57150" cy="38100"/>
    <xdr:sp macro="" textlink="">
      <xdr:nvSpPr>
        <xdr:cNvPr id="621" name="Text Box 22"/>
        <xdr:cNvSpPr txBox="1">
          <a:spLocks noChangeArrowheads="1"/>
        </xdr:cNvSpPr>
      </xdr:nvSpPr>
      <xdr:spPr bwMode="auto">
        <a:xfrm>
          <a:off x="4800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622"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623"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24"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625"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26"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627"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628"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29"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630"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0</xdr:row>
      <xdr:rowOff>0</xdr:rowOff>
    </xdr:from>
    <xdr:ext cx="42863" cy="38100"/>
    <xdr:sp macro="" textlink="">
      <xdr:nvSpPr>
        <xdr:cNvPr id="631" name="Text Box 22"/>
        <xdr:cNvSpPr txBox="1">
          <a:spLocks noChangeArrowheads="1"/>
        </xdr:cNvSpPr>
      </xdr:nvSpPr>
      <xdr:spPr bwMode="auto">
        <a:xfrm>
          <a:off x="69723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32"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0</xdr:row>
      <xdr:rowOff>0</xdr:rowOff>
    </xdr:from>
    <xdr:ext cx="57150" cy="38100"/>
    <xdr:sp macro="" textlink="">
      <xdr:nvSpPr>
        <xdr:cNvPr id="633" name="Text Box 22"/>
        <xdr:cNvSpPr txBox="1">
          <a:spLocks noChangeArrowheads="1"/>
        </xdr:cNvSpPr>
      </xdr:nvSpPr>
      <xdr:spPr bwMode="auto">
        <a:xfrm>
          <a:off x="6629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93</xdr:row>
      <xdr:rowOff>23813</xdr:rowOff>
    </xdr:from>
    <xdr:ext cx="33337" cy="47625"/>
    <xdr:sp macro="" textlink="">
      <xdr:nvSpPr>
        <xdr:cNvPr id="634" name="Text Box 118"/>
        <xdr:cNvSpPr txBox="1">
          <a:spLocks noChangeArrowheads="1"/>
        </xdr:cNvSpPr>
      </xdr:nvSpPr>
      <xdr:spPr bwMode="auto">
        <a:xfrm>
          <a:off x="3471862" y="2706719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3</xdr:col>
      <xdr:colOff>0</xdr:colOff>
      <xdr:row>90</xdr:row>
      <xdr:rowOff>0</xdr:rowOff>
    </xdr:from>
    <xdr:ext cx="57150" cy="38100"/>
    <xdr:sp macro="" textlink="">
      <xdr:nvSpPr>
        <xdr:cNvPr id="635" name="Text Box 22"/>
        <xdr:cNvSpPr txBox="1">
          <a:spLocks noChangeArrowheads="1"/>
        </xdr:cNvSpPr>
      </xdr:nvSpPr>
      <xdr:spPr bwMode="auto">
        <a:xfrm>
          <a:off x="3771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0</xdr:colOff>
      <xdr:row>90</xdr:row>
      <xdr:rowOff>0</xdr:rowOff>
    </xdr:from>
    <xdr:ext cx="42862" cy="28575"/>
    <xdr:sp macro="" textlink="">
      <xdr:nvSpPr>
        <xdr:cNvPr id="636" name="Text Box 23"/>
        <xdr:cNvSpPr txBox="1">
          <a:spLocks noChangeArrowheads="1"/>
        </xdr:cNvSpPr>
      </xdr:nvSpPr>
      <xdr:spPr bwMode="auto">
        <a:xfrm>
          <a:off x="34290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9</xdr:col>
      <xdr:colOff>114300</xdr:colOff>
      <xdr:row>90</xdr:row>
      <xdr:rowOff>0</xdr:rowOff>
    </xdr:from>
    <xdr:ext cx="42863" cy="38100"/>
    <xdr:sp macro="" textlink="">
      <xdr:nvSpPr>
        <xdr:cNvPr id="637" name="Text Box 22"/>
        <xdr:cNvSpPr txBox="1">
          <a:spLocks noChangeArrowheads="1"/>
        </xdr:cNvSpPr>
      </xdr:nvSpPr>
      <xdr:spPr bwMode="auto">
        <a:xfrm>
          <a:off x="34290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90</xdr:row>
      <xdr:rowOff>0</xdr:rowOff>
    </xdr:from>
    <xdr:ext cx="57150" cy="38100"/>
    <xdr:sp macro="" textlink="">
      <xdr:nvSpPr>
        <xdr:cNvPr id="638" name="Text Box 22"/>
        <xdr:cNvSpPr txBox="1">
          <a:spLocks noChangeArrowheads="1"/>
        </xdr:cNvSpPr>
      </xdr:nvSpPr>
      <xdr:spPr bwMode="auto">
        <a:xfrm>
          <a:off x="3543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0</xdr:colOff>
      <xdr:row>90</xdr:row>
      <xdr:rowOff>0</xdr:rowOff>
    </xdr:from>
    <xdr:ext cx="57150" cy="38100"/>
    <xdr:sp macro="" textlink="">
      <xdr:nvSpPr>
        <xdr:cNvPr id="639" name="Text Box 22"/>
        <xdr:cNvSpPr txBox="1">
          <a:spLocks noChangeArrowheads="1"/>
        </xdr:cNvSpPr>
      </xdr:nvSpPr>
      <xdr:spPr bwMode="auto">
        <a:xfrm>
          <a:off x="5029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90</xdr:row>
      <xdr:rowOff>130969</xdr:rowOff>
    </xdr:from>
    <xdr:ext cx="42863" cy="47625"/>
    <xdr:sp macro="" textlink="">
      <xdr:nvSpPr>
        <xdr:cNvPr id="640" name="Text Box 80"/>
        <xdr:cNvSpPr txBox="1">
          <a:spLocks noChangeArrowheads="1"/>
        </xdr:cNvSpPr>
      </xdr:nvSpPr>
      <xdr:spPr bwMode="auto">
        <a:xfrm>
          <a:off x="36576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90</xdr:row>
      <xdr:rowOff>0</xdr:rowOff>
    </xdr:from>
    <xdr:ext cx="42863" cy="47625"/>
    <xdr:sp macro="" textlink="">
      <xdr:nvSpPr>
        <xdr:cNvPr id="641" name="Text Box 117"/>
        <xdr:cNvSpPr txBox="1">
          <a:spLocks noChangeArrowheads="1"/>
        </xdr:cNvSpPr>
      </xdr:nvSpPr>
      <xdr:spPr bwMode="auto">
        <a:xfrm>
          <a:off x="35433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90</xdr:row>
      <xdr:rowOff>0</xdr:rowOff>
    </xdr:from>
    <xdr:ext cx="57150" cy="38100"/>
    <xdr:sp macro="" textlink="">
      <xdr:nvSpPr>
        <xdr:cNvPr id="642" name="Text Box 22"/>
        <xdr:cNvSpPr txBox="1">
          <a:spLocks noChangeArrowheads="1"/>
        </xdr:cNvSpPr>
      </xdr:nvSpPr>
      <xdr:spPr bwMode="auto">
        <a:xfrm>
          <a:off x="3543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0</xdr:row>
      <xdr:rowOff>0</xdr:rowOff>
    </xdr:from>
    <xdr:ext cx="57150" cy="38100"/>
    <xdr:sp macro="" textlink="">
      <xdr:nvSpPr>
        <xdr:cNvPr id="643" name="Text Box 22"/>
        <xdr:cNvSpPr txBox="1">
          <a:spLocks noChangeArrowheads="1"/>
        </xdr:cNvSpPr>
      </xdr:nvSpPr>
      <xdr:spPr bwMode="auto">
        <a:xfrm>
          <a:off x="4229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0</xdr:row>
      <xdr:rowOff>0</xdr:rowOff>
    </xdr:from>
    <xdr:ext cx="57150" cy="38100"/>
    <xdr:sp macro="" textlink="">
      <xdr:nvSpPr>
        <xdr:cNvPr id="644" name="Text Box 22"/>
        <xdr:cNvSpPr txBox="1">
          <a:spLocks noChangeArrowheads="1"/>
        </xdr:cNvSpPr>
      </xdr:nvSpPr>
      <xdr:spPr bwMode="auto">
        <a:xfrm>
          <a:off x="3886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90</xdr:row>
      <xdr:rowOff>130969</xdr:rowOff>
    </xdr:from>
    <xdr:ext cx="42863" cy="47625"/>
    <xdr:sp macro="" textlink="">
      <xdr:nvSpPr>
        <xdr:cNvPr id="645" name="Text Box 80"/>
        <xdr:cNvSpPr txBox="1">
          <a:spLocks noChangeArrowheads="1"/>
        </xdr:cNvSpPr>
      </xdr:nvSpPr>
      <xdr:spPr bwMode="auto">
        <a:xfrm>
          <a:off x="36576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90</xdr:row>
      <xdr:rowOff>0</xdr:rowOff>
    </xdr:from>
    <xdr:ext cx="42863" cy="47625"/>
    <xdr:sp macro="" textlink="">
      <xdr:nvSpPr>
        <xdr:cNvPr id="646" name="Text Box 117"/>
        <xdr:cNvSpPr txBox="1">
          <a:spLocks noChangeArrowheads="1"/>
        </xdr:cNvSpPr>
      </xdr:nvSpPr>
      <xdr:spPr bwMode="auto">
        <a:xfrm>
          <a:off x="35433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0</xdr:row>
      <xdr:rowOff>0</xdr:rowOff>
    </xdr:from>
    <xdr:ext cx="57150" cy="38100"/>
    <xdr:sp macro="" textlink="">
      <xdr:nvSpPr>
        <xdr:cNvPr id="647" name="Text Box 22"/>
        <xdr:cNvSpPr txBox="1">
          <a:spLocks noChangeArrowheads="1"/>
        </xdr:cNvSpPr>
      </xdr:nvSpPr>
      <xdr:spPr bwMode="auto">
        <a:xfrm>
          <a:off x="4229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0</xdr:row>
      <xdr:rowOff>0</xdr:rowOff>
    </xdr:from>
    <xdr:ext cx="42863" cy="38100"/>
    <xdr:sp macro="" textlink="">
      <xdr:nvSpPr>
        <xdr:cNvPr id="648" name="Text Box 22"/>
        <xdr:cNvSpPr txBox="1">
          <a:spLocks noChangeArrowheads="1"/>
        </xdr:cNvSpPr>
      </xdr:nvSpPr>
      <xdr:spPr bwMode="auto">
        <a:xfrm>
          <a:off x="51435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0</xdr:row>
      <xdr:rowOff>0</xdr:rowOff>
    </xdr:from>
    <xdr:ext cx="57150" cy="38100"/>
    <xdr:sp macro="" textlink="">
      <xdr:nvSpPr>
        <xdr:cNvPr id="649" name="Text Box 22"/>
        <xdr:cNvSpPr txBox="1">
          <a:spLocks noChangeArrowheads="1"/>
        </xdr:cNvSpPr>
      </xdr:nvSpPr>
      <xdr:spPr bwMode="auto">
        <a:xfrm>
          <a:off x="38862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0</xdr:row>
      <xdr:rowOff>0</xdr:rowOff>
    </xdr:from>
    <xdr:ext cx="57150" cy="38100"/>
    <xdr:sp macro="" textlink="">
      <xdr:nvSpPr>
        <xdr:cNvPr id="650" name="Text Box 22"/>
        <xdr:cNvSpPr txBox="1">
          <a:spLocks noChangeArrowheads="1"/>
        </xdr:cNvSpPr>
      </xdr:nvSpPr>
      <xdr:spPr bwMode="auto">
        <a:xfrm>
          <a:off x="4800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7626" cy="47625"/>
    <xdr:sp macro="" textlink="">
      <xdr:nvSpPr>
        <xdr:cNvPr id="651" name="Text Box 80"/>
        <xdr:cNvSpPr txBox="1">
          <a:spLocks noChangeArrowheads="1"/>
        </xdr:cNvSpPr>
      </xdr:nvSpPr>
      <xdr:spPr bwMode="auto">
        <a:xfrm>
          <a:off x="5486400" y="2641996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7625" cy="47625"/>
    <xdr:sp macro="" textlink="">
      <xdr:nvSpPr>
        <xdr:cNvPr id="652" name="Text Box 117"/>
        <xdr:cNvSpPr txBox="1">
          <a:spLocks noChangeArrowheads="1"/>
        </xdr:cNvSpPr>
      </xdr:nvSpPr>
      <xdr:spPr bwMode="auto">
        <a:xfrm>
          <a:off x="5372100" y="2628900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42862</xdr:colOff>
      <xdr:row>94</xdr:row>
      <xdr:rowOff>23813</xdr:rowOff>
    </xdr:from>
    <xdr:ext cx="33337" cy="47625"/>
    <xdr:sp macro="" textlink="">
      <xdr:nvSpPr>
        <xdr:cNvPr id="653" name="Text Box 118"/>
        <xdr:cNvSpPr txBox="1">
          <a:spLocks noChangeArrowheads="1"/>
        </xdr:cNvSpPr>
      </xdr:nvSpPr>
      <xdr:spPr bwMode="auto">
        <a:xfrm>
          <a:off x="5300662" y="273186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54"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1</xdr:col>
      <xdr:colOff>0</xdr:colOff>
      <xdr:row>90</xdr:row>
      <xdr:rowOff>0</xdr:rowOff>
    </xdr:from>
    <xdr:ext cx="57150" cy="38100"/>
    <xdr:sp macro="" textlink="">
      <xdr:nvSpPr>
        <xdr:cNvPr id="655" name="Text Box 22"/>
        <xdr:cNvSpPr txBox="1">
          <a:spLocks noChangeArrowheads="1"/>
        </xdr:cNvSpPr>
      </xdr:nvSpPr>
      <xdr:spPr bwMode="auto">
        <a:xfrm>
          <a:off x="69723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1</xdr:col>
      <xdr:colOff>114300</xdr:colOff>
      <xdr:row>90</xdr:row>
      <xdr:rowOff>0</xdr:rowOff>
    </xdr:from>
    <xdr:ext cx="42863" cy="38100"/>
    <xdr:sp macro="" textlink="">
      <xdr:nvSpPr>
        <xdr:cNvPr id="656" name="Text Box 22"/>
        <xdr:cNvSpPr txBox="1">
          <a:spLocks noChangeArrowheads="1"/>
        </xdr:cNvSpPr>
      </xdr:nvSpPr>
      <xdr:spPr bwMode="auto">
        <a:xfrm>
          <a:off x="70866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0</xdr:row>
      <xdr:rowOff>0</xdr:rowOff>
    </xdr:from>
    <xdr:ext cx="57150" cy="38100"/>
    <xdr:sp macro="" textlink="">
      <xdr:nvSpPr>
        <xdr:cNvPr id="657" name="Text Box 22"/>
        <xdr:cNvSpPr txBox="1">
          <a:spLocks noChangeArrowheads="1"/>
        </xdr:cNvSpPr>
      </xdr:nvSpPr>
      <xdr:spPr bwMode="auto">
        <a:xfrm>
          <a:off x="6057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0</xdr:row>
      <xdr:rowOff>0</xdr:rowOff>
    </xdr:from>
    <xdr:ext cx="42863" cy="38100"/>
    <xdr:sp macro="" textlink="">
      <xdr:nvSpPr>
        <xdr:cNvPr id="658" name="Text Box 22"/>
        <xdr:cNvSpPr txBox="1">
          <a:spLocks noChangeArrowheads="1"/>
        </xdr:cNvSpPr>
      </xdr:nvSpPr>
      <xdr:spPr bwMode="auto">
        <a:xfrm>
          <a:off x="69723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59"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0</xdr:row>
      <xdr:rowOff>0</xdr:rowOff>
    </xdr:from>
    <xdr:ext cx="57150" cy="38100"/>
    <xdr:sp macro="" textlink="">
      <xdr:nvSpPr>
        <xdr:cNvPr id="660" name="Text Box 22"/>
        <xdr:cNvSpPr txBox="1">
          <a:spLocks noChangeArrowheads="1"/>
        </xdr:cNvSpPr>
      </xdr:nvSpPr>
      <xdr:spPr bwMode="auto">
        <a:xfrm>
          <a:off x="6629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42862</xdr:colOff>
      <xdr:row>93</xdr:row>
      <xdr:rowOff>23813</xdr:rowOff>
    </xdr:from>
    <xdr:ext cx="33337" cy="47625"/>
    <xdr:sp macro="" textlink="">
      <xdr:nvSpPr>
        <xdr:cNvPr id="661" name="Text Box 118"/>
        <xdr:cNvSpPr txBox="1">
          <a:spLocks noChangeArrowheads="1"/>
        </xdr:cNvSpPr>
      </xdr:nvSpPr>
      <xdr:spPr bwMode="auto">
        <a:xfrm>
          <a:off x="5300662" y="2706719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90</xdr:row>
      <xdr:rowOff>0</xdr:rowOff>
    </xdr:from>
    <xdr:ext cx="57150" cy="38100"/>
    <xdr:sp macro="" textlink="">
      <xdr:nvSpPr>
        <xdr:cNvPr id="662" name="Text Box 22"/>
        <xdr:cNvSpPr txBox="1">
          <a:spLocks noChangeArrowheads="1"/>
        </xdr:cNvSpPr>
      </xdr:nvSpPr>
      <xdr:spPr bwMode="auto">
        <a:xfrm>
          <a:off x="56007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0</xdr:row>
      <xdr:rowOff>0</xdr:rowOff>
    </xdr:from>
    <xdr:ext cx="42862" cy="28575"/>
    <xdr:sp macro="" textlink="">
      <xdr:nvSpPr>
        <xdr:cNvPr id="663"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0</xdr:row>
      <xdr:rowOff>0</xdr:rowOff>
    </xdr:from>
    <xdr:ext cx="42863" cy="38100"/>
    <xdr:sp macro="" textlink="">
      <xdr:nvSpPr>
        <xdr:cNvPr id="664" name="Text Box 22"/>
        <xdr:cNvSpPr txBox="1">
          <a:spLocks noChangeArrowheads="1"/>
        </xdr:cNvSpPr>
      </xdr:nvSpPr>
      <xdr:spPr bwMode="auto">
        <a:xfrm>
          <a:off x="52578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0</xdr:row>
      <xdr:rowOff>0</xdr:rowOff>
    </xdr:from>
    <xdr:ext cx="42862" cy="28575"/>
    <xdr:sp macro="" textlink="">
      <xdr:nvSpPr>
        <xdr:cNvPr id="665" name="Text Box 23"/>
        <xdr:cNvSpPr txBox="1">
          <a:spLocks noChangeArrowheads="1"/>
        </xdr:cNvSpPr>
      </xdr:nvSpPr>
      <xdr:spPr bwMode="auto">
        <a:xfrm>
          <a:off x="52578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66"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90</xdr:row>
      <xdr:rowOff>0</xdr:rowOff>
    </xdr:from>
    <xdr:ext cx="57150" cy="38100"/>
    <xdr:sp macro="" textlink="">
      <xdr:nvSpPr>
        <xdr:cNvPr id="667" name="Text Box 22"/>
        <xdr:cNvSpPr txBox="1">
          <a:spLocks noChangeArrowheads="1"/>
        </xdr:cNvSpPr>
      </xdr:nvSpPr>
      <xdr:spPr bwMode="auto">
        <a:xfrm>
          <a:off x="6858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0</xdr:row>
      <xdr:rowOff>0</xdr:rowOff>
    </xdr:from>
    <xdr:ext cx="57150" cy="38100"/>
    <xdr:sp macro="" textlink="">
      <xdr:nvSpPr>
        <xdr:cNvPr id="668" name="Text Box 22"/>
        <xdr:cNvSpPr txBox="1">
          <a:spLocks noChangeArrowheads="1"/>
        </xdr:cNvSpPr>
      </xdr:nvSpPr>
      <xdr:spPr bwMode="auto">
        <a:xfrm>
          <a:off x="59436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0</xdr:row>
      <xdr:rowOff>130969</xdr:rowOff>
    </xdr:from>
    <xdr:ext cx="42863" cy="47625"/>
    <xdr:sp macro="" textlink="">
      <xdr:nvSpPr>
        <xdr:cNvPr id="669" name="Text Box 80"/>
        <xdr:cNvSpPr txBox="1">
          <a:spLocks noChangeArrowheads="1"/>
        </xdr:cNvSpPr>
      </xdr:nvSpPr>
      <xdr:spPr bwMode="auto">
        <a:xfrm>
          <a:off x="54864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670"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71"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72"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0</xdr:row>
      <xdr:rowOff>0</xdr:rowOff>
    </xdr:from>
    <xdr:ext cx="42863" cy="47625"/>
    <xdr:sp macro="" textlink="">
      <xdr:nvSpPr>
        <xdr:cNvPr id="673" name="Text Box 117"/>
        <xdr:cNvSpPr txBox="1">
          <a:spLocks noChangeArrowheads="1"/>
        </xdr:cNvSpPr>
      </xdr:nvSpPr>
      <xdr:spPr bwMode="auto">
        <a:xfrm>
          <a:off x="53721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0</xdr:row>
      <xdr:rowOff>0</xdr:rowOff>
    </xdr:from>
    <xdr:ext cx="57150" cy="38100"/>
    <xdr:sp macro="" textlink="">
      <xdr:nvSpPr>
        <xdr:cNvPr id="674" name="Text Box 22"/>
        <xdr:cNvSpPr txBox="1">
          <a:spLocks noChangeArrowheads="1"/>
        </xdr:cNvSpPr>
      </xdr:nvSpPr>
      <xdr:spPr bwMode="auto">
        <a:xfrm>
          <a:off x="53721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0</xdr:row>
      <xdr:rowOff>0</xdr:rowOff>
    </xdr:from>
    <xdr:ext cx="42863" cy="38100"/>
    <xdr:sp macro="" textlink="">
      <xdr:nvSpPr>
        <xdr:cNvPr id="675" name="Text Box 22"/>
        <xdr:cNvSpPr txBox="1">
          <a:spLocks noChangeArrowheads="1"/>
        </xdr:cNvSpPr>
      </xdr:nvSpPr>
      <xdr:spPr bwMode="auto">
        <a:xfrm>
          <a:off x="69723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0</xdr:row>
      <xdr:rowOff>0</xdr:rowOff>
    </xdr:from>
    <xdr:ext cx="57150" cy="38100"/>
    <xdr:sp macro="" textlink="">
      <xdr:nvSpPr>
        <xdr:cNvPr id="676" name="Text Box 22"/>
        <xdr:cNvSpPr txBox="1">
          <a:spLocks noChangeArrowheads="1"/>
        </xdr:cNvSpPr>
      </xdr:nvSpPr>
      <xdr:spPr bwMode="auto">
        <a:xfrm>
          <a:off x="57150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0</xdr:row>
      <xdr:rowOff>0</xdr:rowOff>
    </xdr:from>
    <xdr:ext cx="57150" cy="38100"/>
    <xdr:sp macro="" textlink="">
      <xdr:nvSpPr>
        <xdr:cNvPr id="677" name="Text Box 22"/>
        <xdr:cNvSpPr txBox="1">
          <a:spLocks noChangeArrowheads="1"/>
        </xdr:cNvSpPr>
      </xdr:nvSpPr>
      <xdr:spPr bwMode="auto">
        <a:xfrm>
          <a:off x="66294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90</xdr:row>
      <xdr:rowOff>130969</xdr:rowOff>
    </xdr:from>
    <xdr:ext cx="47626" cy="47625"/>
    <xdr:sp macro="" textlink="">
      <xdr:nvSpPr>
        <xdr:cNvPr id="678" name="Text Box 80"/>
        <xdr:cNvSpPr txBox="1">
          <a:spLocks noChangeArrowheads="1"/>
        </xdr:cNvSpPr>
      </xdr:nvSpPr>
      <xdr:spPr bwMode="auto">
        <a:xfrm>
          <a:off x="5029200" y="2641996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0</xdr:row>
      <xdr:rowOff>0</xdr:rowOff>
    </xdr:from>
    <xdr:ext cx="47625" cy="47625"/>
    <xdr:sp macro="" textlink="">
      <xdr:nvSpPr>
        <xdr:cNvPr id="679" name="Text Box 117"/>
        <xdr:cNvSpPr txBox="1">
          <a:spLocks noChangeArrowheads="1"/>
        </xdr:cNvSpPr>
      </xdr:nvSpPr>
      <xdr:spPr bwMode="auto">
        <a:xfrm>
          <a:off x="4914900" y="2628900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0</xdr:col>
      <xdr:colOff>114300</xdr:colOff>
      <xdr:row>90</xdr:row>
      <xdr:rowOff>0</xdr:rowOff>
    </xdr:from>
    <xdr:ext cx="47625" cy="38100"/>
    <xdr:sp macro="" textlink="">
      <xdr:nvSpPr>
        <xdr:cNvPr id="680" name="Text Box 22"/>
        <xdr:cNvSpPr txBox="1">
          <a:spLocks noChangeArrowheads="1"/>
        </xdr:cNvSpPr>
      </xdr:nvSpPr>
      <xdr:spPr bwMode="auto">
        <a:xfrm>
          <a:off x="4686300" y="2628900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90</xdr:row>
      <xdr:rowOff>0</xdr:rowOff>
    </xdr:from>
    <xdr:ext cx="57150" cy="38100"/>
    <xdr:sp macro="" textlink="">
      <xdr:nvSpPr>
        <xdr:cNvPr id="681" name="Text Box 22"/>
        <xdr:cNvSpPr txBox="1">
          <a:spLocks noChangeArrowheads="1"/>
        </xdr:cNvSpPr>
      </xdr:nvSpPr>
      <xdr:spPr bwMode="auto">
        <a:xfrm>
          <a:off x="4914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90</xdr:row>
      <xdr:rowOff>0</xdr:rowOff>
    </xdr:from>
    <xdr:ext cx="57150" cy="38100"/>
    <xdr:sp macro="" textlink="">
      <xdr:nvSpPr>
        <xdr:cNvPr id="682" name="Text Box 22"/>
        <xdr:cNvSpPr txBox="1">
          <a:spLocks noChangeArrowheads="1"/>
        </xdr:cNvSpPr>
      </xdr:nvSpPr>
      <xdr:spPr bwMode="auto">
        <a:xfrm>
          <a:off x="51435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0</xdr:row>
      <xdr:rowOff>0</xdr:rowOff>
    </xdr:from>
    <xdr:ext cx="42862" cy="28575"/>
    <xdr:sp macro="" textlink="">
      <xdr:nvSpPr>
        <xdr:cNvPr id="683" name="Text Box 23"/>
        <xdr:cNvSpPr txBox="1">
          <a:spLocks noChangeArrowheads="1"/>
        </xdr:cNvSpPr>
      </xdr:nvSpPr>
      <xdr:spPr bwMode="auto">
        <a:xfrm>
          <a:off x="4800600" y="2628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1</xdr:col>
      <xdr:colOff>114300</xdr:colOff>
      <xdr:row>90</xdr:row>
      <xdr:rowOff>0</xdr:rowOff>
    </xdr:from>
    <xdr:ext cx="42863" cy="38100"/>
    <xdr:sp macro="" textlink="">
      <xdr:nvSpPr>
        <xdr:cNvPr id="684" name="Text Box 22"/>
        <xdr:cNvSpPr txBox="1">
          <a:spLocks noChangeArrowheads="1"/>
        </xdr:cNvSpPr>
      </xdr:nvSpPr>
      <xdr:spPr bwMode="auto">
        <a:xfrm>
          <a:off x="4800600" y="2628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90</xdr:row>
      <xdr:rowOff>0</xdr:rowOff>
    </xdr:from>
    <xdr:ext cx="57150" cy="38100"/>
    <xdr:sp macro="" textlink="">
      <xdr:nvSpPr>
        <xdr:cNvPr id="685" name="Text Box 22"/>
        <xdr:cNvSpPr txBox="1">
          <a:spLocks noChangeArrowheads="1"/>
        </xdr:cNvSpPr>
      </xdr:nvSpPr>
      <xdr:spPr bwMode="auto">
        <a:xfrm>
          <a:off x="4914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90</xdr:row>
      <xdr:rowOff>130969</xdr:rowOff>
    </xdr:from>
    <xdr:ext cx="42863" cy="47625"/>
    <xdr:sp macro="" textlink="">
      <xdr:nvSpPr>
        <xdr:cNvPr id="686" name="Text Box 80"/>
        <xdr:cNvSpPr txBox="1">
          <a:spLocks noChangeArrowheads="1"/>
        </xdr:cNvSpPr>
      </xdr:nvSpPr>
      <xdr:spPr bwMode="auto">
        <a:xfrm>
          <a:off x="50292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0</xdr:row>
      <xdr:rowOff>0</xdr:rowOff>
    </xdr:from>
    <xdr:ext cx="42863" cy="47625"/>
    <xdr:sp macro="" textlink="">
      <xdr:nvSpPr>
        <xdr:cNvPr id="687" name="Text Box 117"/>
        <xdr:cNvSpPr txBox="1">
          <a:spLocks noChangeArrowheads="1"/>
        </xdr:cNvSpPr>
      </xdr:nvSpPr>
      <xdr:spPr bwMode="auto">
        <a:xfrm>
          <a:off x="49149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90</xdr:row>
      <xdr:rowOff>0</xdr:rowOff>
    </xdr:from>
    <xdr:ext cx="57150" cy="38100"/>
    <xdr:sp macro="" textlink="">
      <xdr:nvSpPr>
        <xdr:cNvPr id="688" name="Text Box 22"/>
        <xdr:cNvSpPr txBox="1">
          <a:spLocks noChangeArrowheads="1"/>
        </xdr:cNvSpPr>
      </xdr:nvSpPr>
      <xdr:spPr bwMode="auto">
        <a:xfrm>
          <a:off x="4914900" y="2628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90</xdr:row>
      <xdr:rowOff>130969</xdr:rowOff>
    </xdr:from>
    <xdr:ext cx="42863" cy="47625"/>
    <xdr:sp macro="" textlink="">
      <xdr:nvSpPr>
        <xdr:cNvPr id="689" name="Text Box 80"/>
        <xdr:cNvSpPr txBox="1">
          <a:spLocks noChangeArrowheads="1"/>
        </xdr:cNvSpPr>
      </xdr:nvSpPr>
      <xdr:spPr bwMode="auto">
        <a:xfrm>
          <a:off x="5029200" y="2641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0</xdr:row>
      <xdr:rowOff>0</xdr:rowOff>
    </xdr:from>
    <xdr:ext cx="42863" cy="47625"/>
    <xdr:sp macro="" textlink="">
      <xdr:nvSpPr>
        <xdr:cNvPr id="690" name="Text Box 117"/>
        <xdr:cNvSpPr txBox="1">
          <a:spLocks noChangeArrowheads="1"/>
        </xdr:cNvSpPr>
      </xdr:nvSpPr>
      <xdr:spPr bwMode="auto">
        <a:xfrm>
          <a:off x="4914900" y="2628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42862</xdr:colOff>
      <xdr:row>94</xdr:row>
      <xdr:rowOff>23813</xdr:rowOff>
    </xdr:from>
    <xdr:ext cx="33337" cy="47625"/>
    <xdr:sp macro="" textlink="">
      <xdr:nvSpPr>
        <xdr:cNvPr id="691" name="Text Box 118"/>
        <xdr:cNvSpPr txBox="1">
          <a:spLocks noChangeArrowheads="1"/>
        </xdr:cNvSpPr>
      </xdr:nvSpPr>
      <xdr:spPr bwMode="auto">
        <a:xfrm>
          <a:off x="4843462" y="273186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42862</xdr:colOff>
      <xdr:row>93</xdr:row>
      <xdr:rowOff>23813</xdr:rowOff>
    </xdr:from>
    <xdr:ext cx="33337" cy="47625"/>
    <xdr:sp macro="" textlink="">
      <xdr:nvSpPr>
        <xdr:cNvPr id="692" name="Text Box 118"/>
        <xdr:cNvSpPr txBox="1">
          <a:spLocks noChangeArrowheads="1"/>
        </xdr:cNvSpPr>
      </xdr:nvSpPr>
      <xdr:spPr bwMode="auto">
        <a:xfrm>
          <a:off x="4843462" y="2706719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4</xdr:row>
      <xdr:rowOff>0</xdr:rowOff>
    </xdr:from>
    <xdr:ext cx="42863" cy="47625"/>
    <xdr:sp macro="" textlink="">
      <xdr:nvSpPr>
        <xdr:cNvPr id="694" name="Text Box 80"/>
        <xdr:cNvSpPr txBox="1">
          <a:spLocks noChangeArrowheads="1"/>
        </xdr:cNvSpPr>
      </xdr:nvSpPr>
      <xdr:spPr bwMode="auto">
        <a:xfrm>
          <a:off x="36576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4</xdr:row>
      <xdr:rowOff>0</xdr:rowOff>
    </xdr:from>
    <xdr:ext cx="42863" cy="47625"/>
    <xdr:sp macro="" textlink="">
      <xdr:nvSpPr>
        <xdr:cNvPr id="695" name="Text Box 117"/>
        <xdr:cNvSpPr txBox="1">
          <a:spLocks noChangeArrowheads="1"/>
        </xdr:cNvSpPr>
      </xdr:nvSpPr>
      <xdr:spPr bwMode="auto">
        <a:xfrm>
          <a:off x="35433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4</xdr:row>
      <xdr:rowOff>0</xdr:rowOff>
    </xdr:from>
    <xdr:ext cx="33337" cy="47625"/>
    <xdr:sp macro="" textlink="">
      <xdr:nvSpPr>
        <xdr:cNvPr id="696" name="Text Box 118"/>
        <xdr:cNvSpPr txBox="1">
          <a:spLocks noChangeArrowheads="1"/>
        </xdr:cNvSpPr>
      </xdr:nvSpPr>
      <xdr:spPr bwMode="auto">
        <a:xfrm>
          <a:off x="3471862" y="510006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4</xdr:row>
      <xdr:rowOff>0</xdr:rowOff>
    </xdr:from>
    <xdr:ext cx="42863" cy="38100"/>
    <xdr:sp macro="" textlink="">
      <xdr:nvSpPr>
        <xdr:cNvPr id="697" name="Text Box 22"/>
        <xdr:cNvSpPr txBox="1">
          <a:spLocks noChangeArrowheads="1"/>
        </xdr:cNvSpPr>
      </xdr:nvSpPr>
      <xdr:spPr bwMode="auto">
        <a:xfrm>
          <a:off x="33147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4</xdr:row>
      <xdr:rowOff>0</xdr:rowOff>
    </xdr:from>
    <xdr:ext cx="57150" cy="38100"/>
    <xdr:sp macro="" textlink="">
      <xdr:nvSpPr>
        <xdr:cNvPr id="698" name="Text Box 22"/>
        <xdr:cNvSpPr txBox="1">
          <a:spLocks noChangeArrowheads="1"/>
        </xdr:cNvSpPr>
      </xdr:nvSpPr>
      <xdr:spPr bwMode="auto">
        <a:xfrm>
          <a:off x="20574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4</xdr:row>
      <xdr:rowOff>0</xdr:rowOff>
    </xdr:from>
    <xdr:ext cx="57150" cy="38100"/>
    <xdr:sp macro="" textlink="">
      <xdr:nvSpPr>
        <xdr:cNvPr id="699" name="Text Box 22"/>
        <xdr:cNvSpPr txBox="1">
          <a:spLocks noChangeArrowheads="1"/>
        </xdr:cNvSpPr>
      </xdr:nvSpPr>
      <xdr:spPr bwMode="auto">
        <a:xfrm>
          <a:off x="35433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4</xdr:row>
      <xdr:rowOff>0</xdr:rowOff>
    </xdr:from>
    <xdr:ext cx="57150" cy="38100"/>
    <xdr:sp macro="" textlink="">
      <xdr:nvSpPr>
        <xdr:cNvPr id="700" name="Text Box 22"/>
        <xdr:cNvSpPr txBox="1">
          <a:spLocks noChangeArrowheads="1"/>
        </xdr:cNvSpPr>
      </xdr:nvSpPr>
      <xdr:spPr bwMode="auto">
        <a:xfrm>
          <a:off x="51435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4</xdr:row>
      <xdr:rowOff>0</xdr:rowOff>
    </xdr:from>
    <xdr:ext cx="57150" cy="38100"/>
    <xdr:sp macro="" textlink="">
      <xdr:nvSpPr>
        <xdr:cNvPr id="701" name="Text Box 22"/>
        <xdr:cNvSpPr txBox="1">
          <a:spLocks noChangeArrowheads="1"/>
        </xdr:cNvSpPr>
      </xdr:nvSpPr>
      <xdr:spPr bwMode="auto">
        <a:xfrm>
          <a:off x="56007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84</xdr:row>
      <xdr:rowOff>0</xdr:rowOff>
    </xdr:from>
    <xdr:ext cx="61912" cy="38100"/>
    <xdr:sp macro="" textlink="">
      <xdr:nvSpPr>
        <xdr:cNvPr id="702" name="Text Box 80"/>
        <xdr:cNvSpPr txBox="1">
          <a:spLocks noChangeArrowheads="1"/>
        </xdr:cNvSpPr>
      </xdr:nvSpPr>
      <xdr:spPr bwMode="auto">
        <a:xfrm>
          <a:off x="4914900" y="510006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703" name="Text Box 23"/>
        <xdr:cNvSpPr txBox="1">
          <a:spLocks noChangeArrowheads="1"/>
        </xdr:cNvSpPr>
      </xdr:nvSpPr>
      <xdr:spPr bwMode="auto">
        <a:xfrm>
          <a:off x="5257800" y="51000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4</xdr:row>
      <xdr:rowOff>0</xdr:rowOff>
    </xdr:from>
    <xdr:ext cx="42863" cy="38100"/>
    <xdr:sp macro="" textlink="">
      <xdr:nvSpPr>
        <xdr:cNvPr id="704" name="Text Box 22"/>
        <xdr:cNvSpPr txBox="1">
          <a:spLocks noChangeArrowheads="1"/>
        </xdr:cNvSpPr>
      </xdr:nvSpPr>
      <xdr:spPr bwMode="auto">
        <a:xfrm>
          <a:off x="52578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705" name="Text Box 23"/>
        <xdr:cNvSpPr txBox="1">
          <a:spLocks noChangeArrowheads="1"/>
        </xdr:cNvSpPr>
      </xdr:nvSpPr>
      <xdr:spPr bwMode="auto">
        <a:xfrm>
          <a:off x="5257800" y="51000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4</xdr:row>
      <xdr:rowOff>0</xdr:rowOff>
    </xdr:from>
    <xdr:ext cx="57150" cy="38100"/>
    <xdr:sp macro="" textlink="">
      <xdr:nvSpPr>
        <xdr:cNvPr id="706" name="Text Box 22"/>
        <xdr:cNvSpPr txBox="1">
          <a:spLocks noChangeArrowheads="1"/>
        </xdr:cNvSpPr>
      </xdr:nvSpPr>
      <xdr:spPr bwMode="auto">
        <a:xfrm>
          <a:off x="4229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07"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708" name="Text Box 22"/>
        <xdr:cNvSpPr txBox="1">
          <a:spLocks noChangeArrowheads="1"/>
        </xdr:cNvSpPr>
      </xdr:nvSpPr>
      <xdr:spPr bwMode="auto">
        <a:xfrm>
          <a:off x="5372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4</xdr:row>
      <xdr:rowOff>0</xdr:rowOff>
    </xdr:from>
    <xdr:ext cx="57150" cy="38100"/>
    <xdr:sp macro="" textlink="">
      <xdr:nvSpPr>
        <xdr:cNvPr id="709" name="Text Box 22"/>
        <xdr:cNvSpPr txBox="1">
          <a:spLocks noChangeArrowheads="1"/>
        </xdr:cNvSpPr>
      </xdr:nvSpPr>
      <xdr:spPr bwMode="auto">
        <a:xfrm>
          <a:off x="6858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4</xdr:row>
      <xdr:rowOff>0</xdr:rowOff>
    </xdr:from>
    <xdr:ext cx="57150" cy="38100"/>
    <xdr:sp macro="" textlink="">
      <xdr:nvSpPr>
        <xdr:cNvPr id="710" name="Text Box 22"/>
        <xdr:cNvSpPr txBox="1">
          <a:spLocks noChangeArrowheads="1"/>
        </xdr:cNvSpPr>
      </xdr:nvSpPr>
      <xdr:spPr bwMode="auto">
        <a:xfrm>
          <a:off x="59436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4</xdr:row>
      <xdr:rowOff>0</xdr:rowOff>
    </xdr:from>
    <xdr:ext cx="57150" cy="38100"/>
    <xdr:sp macro="" textlink="">
      <xdr:nvSpPr>
        <xdr:cNvPr id="711" name="Text Box 22"/>
        <xdr:cNvSpPr txBox="1">
          <a:spLocks noChangeArrowheads="1"/>
        </xdr:cNvSpPr>
      </xdr:nvSpPr>
      <xdr:spPr bwMode="auto">
        <a:xfrm>
          <a:off x="29718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4</xdr:row>
      <xdr:rowOff>0</xdr:rowOff>
    </xdr:from>
    <xdr:ext cx="42863" cy="38100"/>
    <xdr:sp macro="" textlink="">
      <xdr:nvSpPr>
        <xdr:cNvPr id="712" name="Text Box 22"/>
        <xdr:cNvSpPr txBox="1">
          <a:spLocks noChangeArrowheads="1"/>
        </xdr:cNvSpPr>
      </xdr:nvSpPr>
      <xdr:spPr bwMode="auto">
        <a:xfrm>
          <a:off x="51435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4</xdr:row>
      <xdr:rowOff>0</xdr:rowOff>
    </xdr:from>
    <xdr:ext cx="57150" cy="38100"/>
    <xdr:sp macro="" textlink="">
      <xdr:nvSpPr>
        <xdr:cNvPr id="713" name="Text Box 22"/>
        <xdr:cNvSpPr txBox="1">
          <a:spLocks noChangeArrowheads="1"/>
        </xdr:cNvSpPr>
      </xdr:nvSpPr>
      <xdr:spPr bwMode="auto">
        <a:xfrm>
          <a:off x="38862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4</xdr:row>
      <xdr:rowOff>0</xdr:rowOff>
    </xdr:from>
    <xdr:ext cx="57150" cy="38100"/>
    <xdr:sp macro="" textlink="">
      <xdr:nvSpPr>
        <xdr:cNvPr id="714" name="Text Box 22"/>
        <xdr:cNvSpPr txBox="1">
          <a:spLocks noChangeArrowheads="1"/>
        </xdr:cNvSpPr>
      </xdr:nvSpPr>
      <xdr:spPr bwMode="auto">
        <a:xfrm>
          <a:off x="48006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15"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716" name="Text Box 117"/>
        <xdr:cNvSpPr txBox="1">
          <a:spLocks noChangeArrowheads="1"/>
        </xdr:cNvSpPr>
      </xdr:nvSpPr>
      <xdr:spPr bwMode="auto">
        <a:xfrm>
          <a:off x="53721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717" name="Text Box 22"/>
        <xdr:cNvSpPr txBox="1">
          <a:spLocks noChangeArrowheads="1"/>
        </xdr:cNvSpPr>
      </xdr:nvSpPr>
      <xdr:spPr bwMode="auto">
        <a:xfrm>
          <a:off x="5372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718" name="Text Box 22"/>
        <xdr:cNvSpPr txBox="1">
          <a:spLocks noChangeArrowheads="1"/>
        </xdr:cNvSpPr>
      </xdr:nvSpPr>
      <xdr:spPr bwMode="auto">
        <a:xfrm>
          <a:off x="60579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719" name="Text Box 22"/>
        <xdr:cNvSpPr txBox="1">
          <a:spLocks noChangeArrowheads="1"/>
        </xdr:cNvSpPr>
      </xdr:nvSpPr>
      <xdr:spPr bwMode="auto">
        <a:xfrm>
          <a:off x="5715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20"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721" name="Text Box 117"/>
        <xdr:cNvSpPr txBox="1">
          <a:spLocks noChangeArrowheads="1"/>
        </xdr:cNvSpPr>
      </xdr:nvSpPr>
      <xdr:spPr bwMode="auto">
        <a:xfrm>
          <a:off x="53721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722" name="Text Box 22"/>
        <xdr:cNvSpPr txBox="1">
          <a:spLocks noChangeArrowheads="1"/>
        </xdr:cNvSpPr>
      </xdr:nvSpPr>
      <xdr:spPr bwMode="auto">
        <a:xfrm>
          <a:off x="60579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4</xdr:row>
      <xdr:rowOff>0</xdr:rowOff>
    </xdr:from>
    <xdr:ext cx="42863" cy="38100"/>
    <xdr:sp macro="" textlink="">
      <xdr:nvSpPr>
        <xdr:cNvPr id="723" name="Text Box 22"/>
        <xdr:cNvSpPr txBox="1">
          <a:spLocks noChangeArrowheads="1"/>
        </xdr:cNvSpPr>
      </xdr:nvSpPr>
      <xdr:spPr bwMode="auto">
        <a:xfrm>
          <a:off x="69723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724" name="Text Box 22"/>
        <xdr:cNvSpPr txBox="1">
          <a:spLocks noChangeArrowheads="1"/>
        </xdr:cNvSpPr>
      </xdr:nvSpPr>
      <xdr:spPr bwMode="auto">
        <a:xfrm>
          <a:off x="5715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4</xdr:row>
      <xdr:rowOff>0</xdr:rowOff>
    </xdr:from>
    <xdr:ext cx="57150" cy="38100"/>
    <xdr:sp macro="" textlink="">
      <xdr:nvSpPr>
        <xdr:cNvPr id="725" name="Text Box 22"/>
        <xdr:cNvSpPr txBox="1">
          <a:spLocks noChangeArrowheads="1"/>
        </xdr:cNvSpPr>
      </xdr:nvSpPr>
      <xdr:spPr bwMode="auto">
        <a:xfrm>
          <a:off x="66294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4</xdr:row>
      <xdr:rowOff>0</xdr:rowOff>
    </xdr:from>
    <xdr:ext cx="42863" cy="47625"/>
    <xdr:sp macro="" textlink="">
      <xdr:nvSpPr>
        <xdr:cNvPr id="726" name="Text Box 80"/>
        <xdr:cNvSpPr txBox="1">
          <a:spLocks noChangeArrowheads="1"/>
        </xdr:cNvSpPr>
      </xdr:nvSpPr>
      <xdr:spPr bwMode="auto">
        <a:xfrm>
          <a:off x="36576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4</xdr:row>
      <xdr:rowOff>0</xdr:rowOff>
    </xdr:from>
    <xdr:ext cx="42863" cy="47625"/>
    <xdr:sp macro="" textlink="">
      <xdr:nvSpPr>
        <xdr:cNvPr id="727" name="Text Box 117"/>
        <xdr:cNvSpPr txBox="1">
          <a:spLocks noChangeArrowheads="1"/>
        </xdr:cNvSpPr>
      </xdr:nvSpPr>
      <xdr:spPr bwMode="auto">
        <a:xfrm>
          <a:off x="35433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4</xdr:row>
      <xdr:rowOff>0</xdr:rowOff>
    </xdr:from>
    <xdr:ext cx="33337" cy="47625"/>
    <xdr:sp macro="" textlink="">
      <xdr:nvSpPr>
        <xdr:cNvPr id="728" name="Text Box 118"/>
        <xdr:cNvSpPr txBox="1">
          <a:spLocks noChangeArrowheads="1"/>
        </xdr:cNvSpPr>
      </xdr:nvSpPr>
      <xdr:spPr bwMode="auto">
        <a:xfrm>
          <a:off x="3471862" y="510006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4</xdr:row>
      <xdr:rowOff>0</xdr:rowOff>
    </xdr:from>
    <xdr:ext cx="42863" cy="38100"/>
    <xdr:sp macro="" textlink="">
      <xdr:nvSpPr>
        <xdr:cNvPr id="729" name="Text Box 22"/>
        <xdr:cNvSpPr txBox="1">
          <a:spLocks noChangeArrowheads="1"/>
        </xdr:cNvSpPr>
      </xdr:nvSpPr>
      <xdr:spPr bwMode="auto">
        <a:xfrm>
          <a:off x="33147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4</xdr:row>
      <xdr:rowOff>0</xdr:rowOff>
    </xdr:from>
    <xdr:ext cx="57150" cy="38100"/>
    <xdr:sp macro="" textlink="">
      <xdr:nvSpPr>
        <xdr:cNvPr id="730" name="Text Box 22"/>
        <xdr:cNvSpPr txBox="1">
          <a:spLocks noChangeArrowheads="1"/>
        </xdr:cNvSpPr>
      </xdr:nvSpPr>
      <xdr:spPr bwMode="auto">
        <a:xfrm>
          <a:off x="20574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4</xdr:row>
      <xdr:rowOff>0</xdr:rowOff>
    </xdr:from>
    <xdr:ext cx="57150" cy="38100"/>
    <xdr:sp macro="" textlink="">
      <xdr:nvSpPr>
        <xdr:cNvPr id="731" name="Text Box 22"/>
        <xdr:cNvSpPr txBox="1">
          <a:spLocks noChangeArrowheads="1"/>
        </xdr:cNvSpPr>
      </xdr:nvSpPr>
      <xdr:spPr bwMode="auto">
        <a:xfrm>
          <a:off x="35433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4</xdr:row>
      <xdr:rowOff>0</xdr:rowOff>
    </xdr:from>
    <xdr:ext cx="57150" cy="38100"/>
    <xdr:sp macro="" textlink="">
      <xdr:nvSpPr>
        <xdr:cNvPr id="732" name="Text Box 22"/>
        <xdr:cNvSpPr txBox="1">
          <a:spLocks noChangeArrowheads="1"/>
        </xdr:cNvSpPr>
      </xdr:nvSpPr>
      <xdr:spPr bwMode="auto">
        <a:xfrm>
          <a:off x="51435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4</xdr:row>
      <xdr:rowOff>0</xdr:rowOff>
    </xdr:from>
    <xdr:ext cx="57150" cy="38100"/>
    <xdr:sp macro="" textlink="">
      <xdr:nvSpPr>
        <xdr:cNvPr id="733" name="Text Box 22"/>
        <xdr:cNvSpPr txBox="1">
          <a:spLocks noChangeArrowheads="1"/>
        </xdr:cNvSpPr>
      </xdr:nvSpPr>
      <xdr:spPr bwMode="auto">
        <a:xfrm>
          <a:off x="56007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84</xdr:row>
      <xdr:rowOff>0</xdr:rowOff>
    </xdr:from>
    <xdr:ext cx="61912" cy="38100"/>
    <xdr:sp macro="" textlink="">
      <xdr:nvSpPr>
        <xdr:cNvPr id="734" name="Text Box 80"/>
        <xdr:cNvSpPr txBox="1">
          <a:spLocks noChangeArrowheads="1"/>
        </xdr:cNvSpPr>
      </xdr:nvSpPr>
      <xdr:spPr bwMode="auto">
        <a:xfrm>
          <a:off x="4914900" y="510006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735" name="Text Box 23"/>
        <xdr:cNvSpPr txBox="1">
          <a:spLocks noChangeArrowheads="1"/>
        </xdr:cNvSpPr>
      </xdr:nvSpPr>
      <xdr:spPr bwMode="auto">
        <a:xfrm>
          <a:off x="5257800" y="51000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4</xdr:row>
      <xdr:rowOff>0</xdr:rowOff>
    </xdr:from>
    <xdr:ext cx="42863" cy="38100"/>
    <xdr:sp macro="" textlink="">
      <xdr:nvSpPr>
        <xdr:cNvPr id="736" name="Text Box 22"/>
        <xdr:cNvSpPr txBox="1">
          <a:spLocks noChangeArrowheads="1"/>
        </xdr:cNvSpPr>
      </xdr:nvSpPr>
      <xdr:spPr bwMode="auto">
        <a:xfrm>
          <a:off x="52578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737" name="Text Box 23"/>
        <xdr:cNvSpPr txBox="1">
          <a:spLocks noChangeArrowheads="1"/>
        </xdr:cNvSpPr>
      </xdr:nvSpPr>
      <xdr:spPr bwMode="auto">
        <a:xfrm>
          <a:off x="5257800" y="51000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4</xdr:row>
      <xdr:rowOff>0</xdr:rowOff>
    </xdr:from>
    <xdr:ext cx="57150" cy="38100"/>
    <xdr:sp macro="" textlink="">
      <xdr:nvSpPr>
        <xdr:cNvPr id="738" name="Text Box 22"/>
        <xdr:cNvSpPr txBox="1">
          <a:spLocks noChangeArrowheads="1"/>
        </xdr:cNvSpPr>
      </xdr:nvSpPr>
      <xdr:spPr bwMode="auto">
        <a:xfrm>
          <a:off x="4229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39"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740" name="Text Box 22"/>
        <xdr:cNvSpPr txBox="1">
          <a:spLocks noChangeArrowheads="1"/>
        </xdr:cNvSpPr>
      </xdr:nvSpPr>
      <xdr:spPr bwMode="auto">
        <a:xfrm>
          <a:off x="5372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4</xdr:row>
      <xdr:rowOff>0</xdr:rowOff>
    </xdr:from>
    <xdr:ext cx="57150" cy="38100"/>
    <xdr:sp macro="" textlink="">
      <xdr:nvSpPr>
        <xdr:cNvPr id="741" name="Text Box 22"/>
        <xdr:cNvSpPr txBox="1">
          <a:spLocks noChangeArrowheads="1"/>
        </xdr:cNvSpPr>
      </xdr:nvSpPr>
      <xdr:spPr bwMode="auto">
        <a:xfrm>
          <a:off x="6858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4</xdr:row>
      <xdr:rowOff>0</xdr:rowOff>
    </xdr:from>
    <xdr:ext cx="57150" cy="38100"/>
    <xdr:sp macro="" textlink="">
      <xdr:nvSpPr>
        <xdr:cNvPr id="742" name="Text Box 22"/>
        <xdr:cNvSpPr txBox="1">
          <a:spLocks noChangeArrowheads="1"/>
        </xdr:cNvSpPr>
      </xdr:nvSpPr>
      <xdr:spPr bwMode="auto">
        <a:xfrm>
          <a:off x="59436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4</xdr:row>
      <xdr:rowOff>0</xdr:rowOff>
    </xdr:from>
    <xdr:ext cx="57150" cy="38100"/>
    <xdr:sp macro="" textlink="">
      <xdr:nvSpPr>
        <xdr:cNvPr id="743" name="Text Box 22"/>
        <xdr:cNvSpPr txBox="1">
          <a:spLocks noChangeArrowheads="1"/>
        </xdr:cNvSpPr>
      </xdr:nvSpPr>
      <xdr:spPr bwMode="auto">
        <a:xfrm>
          <a:off x="29718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4</xdr:row>
      <xdr:rowOff>0</xdr:rowOff>
    </xdr:from>
    <xdr:ext cx="42863" cy="38100"/>
    <xdr:sp macro="" textlink="">
      <xdr:nvSpPr>
        <xdr:cNvPr id="744" name="Text Box 22"/>
        <xdr:cNvSpPr txBox="1">
          <a:spLocks noChangeArrowheads="1"/>
        </xdr:cNvSpPr>
      </xdr:nvSpPr>
      <xdr:spPr bwMode="auto">
        <a:xfrm>
          <a:off x="51435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4</xdr:row>
      <xdr:rowOff>0</xdr:rowOff>
    </xdr:from>
    <xdr:ext cx="57150" cy="38100"/>
    <xdr:sp macro="" textlink="">
      <xdr:nvSpPr>
        <xdr:cNvPr id="745" name="Text Box 22"/>
        <xdr:cNvSpPr txBox="1">
          <a:spLocks noChangeArrowheads="1"/>
        </xdr:cNvSpPr>
      </xdr:nvSpPr>
      <xdr:spPr bwMode="auto">
        <a:xfrm>
          <a:off x="38862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4</xdr:row>
      <xdr:rowOff>0</xdr:rowOff>
    </xdr:from>
    <xdr:ext cx="57150" cy="38100"/>
    <xdr:sp macro="" textlink="">
      <xdr:nvSpPr>
        <xdr:cNvPr id="746" name="Text Box 22"/>
        <xdr:cNvSpPr txBox="1">
          <a:spLocks noChangeArrowheads="1"/>
        </xdr:cNvSpPr>
      </xdr:nvSpPr>
      <xdr:spPr bwMode="auto">
        <a:xfrm>
          <a:off x="48006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47"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748" name="Text Box 117"/>
        <xdr:cNvSpPr txBox="1">
          <a:spLocks noChangeArrowheads="1"/>
        </xdr:cNvSpPr>
      </xdr:nvSpPr>
      <xdr:spPr bwMode="auto">
        <a:xfrm>
          <a:off x="53721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749" name="Text Box 22"/>
        <xdr:cNvSpPr txBox="1">
          <a:spLocks noChangeArrowheads="1"/>
        </xdr:cNvSpPr>
      </xdr:nvSpPr>
      <xdr:spPr bwMode="auto">
        <a:xfrm>
          <a:off x="53721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750" name="Text Box 22"/>
        <xdr:cNvSpPr txBox="1">
          <a:spLocks noChangeArrowheads="1"/>
        </xdr:cNvSpPr>
      </xdr:nvSpPr>
      <xdr:spPr bwMode="auto">
        <a:xfrm>
          <a:off x="60579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751" name="Text Box 22"/>
        <xdr:cNvSpPr txBox="1">
          <a:spLocks noChangeArrowheads="1"/>
        </xdr:cNvSpPr>
      </xdr:nvSpPr>
      <xdr:spPr bwMode="auto">
        <a:xfrm>
          <a:off x="5715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752" name="Text Box 80"/>
        <xdr:cNvSpPr txBox="1">
          <a:spLocks noChangeArrowheads="1"/>
        </xdr:cNvSpPr>
      </xdr:nvSpPr>
      <xdr:spPr bwMode="auto">
        <a:xfrm>
          <a:off x="54864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753" name="Text Box 117"/>
        <xdr:cNvSpPr txBox="1">
          <a:spLocks noChangeArrowheads="1"/>
        </xdr:cNvSpPr>
      </xdr:nvSpPr>
      <xdr:spPr bwMode="auto">
        <a:xfrm>
          <a:off x="5372100" y="51000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754" name="Text Box 22"/>
        <xdr:cNvSpPr txBox="1">
          <a:spLocks noChangeArrowheads="1"/>
        </xdr:cNvSpPr>
      </xdr:nvSpPr>
      <xdr:spPr bwMode="auto">
        <a:xfrm>
          <a:off x="60579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4</xdr:row>
      <xdr:rowOff>0</xdr:rowOff>
    </xdr:from>
    <xdr:ext cx="42863" cy="38100"/>
    <xdr:sp macro="" textlink="">
      <xdr:nvSpPr>
        <xdr:cNvPr id="755" name="Text Box 22"/>
        <xdr:cNvSpPr txBox="1">
          <a:spLocks noChangeArrowheads="1"/>
        </xdr:cNvSpPr>
      </xdr:nvSpPr>
      <xdr:spPr bwMode="auto">
        <a:xfrm>
          <a:off x="6972300" y="51000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756" name="Text Box 22"/>
        <xdr:cNvSpPr txBox="1">
          <a:spLocks noChangeArrowheads="1"/>
        </xdr:cNvSpPr>
      </xdr:nvSpPr>
      <xdr:spPr bwMode="auto">
        <a:xfrm>
          <a:off x="57150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4</xdr:row>
      <xdr:rowOff>0</xdr:rowOff>
    </xdr:from>
    <xdr:ext cx="57150" cy="38100"/>
    <xdr:sp macro="" textlink="">
      <xdr:nvSpPr>
        <xdr:cNvPr id="757" name="Text Box 22"/>
        <xdr:cNvSpPr txBox="1">
          <a:spLocks noChangeArrowheads="1"/>
        </xdr:cNvSpPr>
      </xdr:nvSpPr>
      <xdr:spPr bwMode="auto">
        <a:xfrm>
          <a:off x="6629400" y="51000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19</xdr:row>
      <xdr:rowOff>0</xdr:rowOff>
    </xdr:from>
    <xdr:ext cx="42863" cy="47625"/>
    <xdr:sp macro="" textlink="">
      <xdr:nvSpPr>
        <xdr:cNvPr id="760" name="Text Box 80"/>
        <xdr:cNvSpPr txBox="1">
          <a:spLocks noChangeArrowheads="1"/>
        </xdr:cNvSpPr>
      </xdr:nvSpPr>
      <xdr:spPr bwMode="auto">
        <a:xfrm>
          <a:off x="3727076"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19</xdr:row>
      <xdr:rowOff>0</xdr:rowOff>
    </xdr:from>
    <xdr:ext cx="42863" cy="47625"/>
    <xdr:sp macro="" textlink="">
      <xdr:nvSpPr>
        <xdr:cNvPr id="761" name="Text Box 117"/>
        <xdr:cNvSpPr txBox="1">
          <a:spLocks noChangeArrowheads="1"/>
        </xdr:cNvSpPr>
      </xdr:nvSpPr>
      <xdr:spPr bwMode="auto">
        <a:xfrm>
          <a:off x="36105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19</xdr:row>
      <xdr:rowOff>0</xdr:rowOff>
    </xdr:from>
    <xdr:ext cx="33337" cy="47625"/>
    <xdr:sp macro="" textlink="">
      <xdr:nvSpPr>
        <xdr:cNvPr id="762" name="Text Box 118"/>
        <xdr:cNvSpPr txBox="1">
          <a:spLocks noChangeArrowheads="1"/>
        </xdr:cNvSpPr>
      </xdr:nvSpPr>
      <xdr:spPr bwMode="auto">
        <a:xfrm>
          <a:off x="3539097" y="4762051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19</xdr:row>
      <xdr:rowOff>0</xdr:rowOff>
    </xdr:from>
    <xdr:ext cx="42863" cy="38100"/>
    <xdr:sp macro="" textlink="">
      <xdr:nvSpPr>
        <xdr:cNvPr id="763" name="Text Box 22"/>
        <xdr:cNvSpPr txBox="1">
          <a:spLocks noChangeArrowheads="1"/>
        </xdr:cNvSpPr>
      </xdr:nvSpPr>
      <xdr:spPr bwMode="auto">
        <a:xfrm>
          <a:off x="3377453"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19</xdr:row>
      <xdr:rowOff>0</xdr:rowOff>
    </xdr:from>
    <xdr:ext cx="57150" cy="38100"/>
    <xdr:sp macro="" textlink="">
      <xdr:nvSpPr>
        <xdr:cNvPr id="764" name="Text Box 22"/>
        <xdr:cNvSpPr txBox="1">
          <a:spLocks noChangeArrowheads="1"/>
        </xdr:cNvSpPr>
      </xdr:nvSpPr>
      <xdr:spPr bwMode="auto">
        <a:xfrm>
          <a:off x="209774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19</xdr:row>
      <xdr:rowOff>0</xdr:rowOff>
    </xdr:from>
    <xdr:ext cx="57150" cy="38100"/>
    <xdr:sp macro="" textlink="">
      <xdr:nvSpPr>
        <xdr:cNvPr id="765" name="Text Box 22"/>
        <xdr:cNvSpPr txBox="1">
          <a:spLocks noChangeArrowheads="1"/>
        </xdr:cNvSpPr>
      </xdr:nvSpPr>
      <xdr:spPr bwMode="auto">
        <a:xfrm>
          <a:off x="3612776"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19</xdr:row>
      <xdr:rowOff>0</xdr:rowOff>
    </xdr:from>
    <xdr:ext cx="57150" cy="38100"/>
    <xdr:sp macro="" textlink="">
      <xdr:nvSpPr>
        <xdr:cNvPr id="766" name="Text Box 22"/>
        <xdr:cNvSpPr txBox="1">
          <a:spLocks noChangeArrowheads="1"/>
        </xdr:cNvSpPr>
      </xdr:nvSpPr>
      <xdr:spPr bwMode="auto">
        <a:xfrm>
          <a:off x="5244353"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19</xdr:row>
      <xdr:rowOff>0</xdr:rowOff>
    </xdr:from>
    <xdr:ext cx="57150" cy="38100"/>
    <xdr:sp macro="" textlink="">
      <xdr:nvSpPr>
        <xdr:cNvPr id="767" name="Text Box 22"/>
        <xdr:cNvSpPr txBox="1">
          <a:spLocks noChangeArrowheads="1"/>
        </xdr:cNvSpPr>
      </xdr:nvSpPr>
      <xdr:spPr bwMode="auto">
        <a:xfrm>
          <a:off x="5710518"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19</xdr:row>
      <xdr:rowOff>0</xdr:rowOff>
    </xdr:from>
    <xdr:ext cx="61912" cy="38100"/>
    <xdr:sp macro="" textlink="">
      <xdr:nvSpPr>
        <xdr:cNvPr id="768" name="Text Box 80"/>
        <xdr:cNvSpPr txBox="1">
          <a:spLocks noChangeArrowheads="1"/>
        </xdr:cNvSpPr>
      </xdr:nvSpPr>
      <xdr:spPr bwMode="auto">
        <a:xfrm>
          <a:off x="5009029" y="47620518"/>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19</xdr:row>
      <xdr:rowOff>0</xdr:rowOff>
    </xdr:from>
    <xdr:ext cx="42862" cy="28575"/>
    <xdr:sp macro="" textlink="">
      <xdr:nvSpPr>
        <xdr:cNvPr id="769" name="Text Box 23"/>
        <xdr:cNvSpPr txBox="1">
          <a:spLocks noChangeArrowheads="1"/>
        </xdr:cNvSpPr>
      </xdr:nvSpPr>
      <xdr:spPr bwMode="auto">
        <a:xfrm>
          <a:off x="5360894" y="4762051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19</xdr:row>
      <xdr:rowOff>0</xdr:rowOff>
    </xdr:from>
    <xdr:ext cx="42863" cy="38100"/>
    <xdr:sp macro="" textlink="">
      <xdr:nvSpPr>
        <xdr:cNvPr id="770" name="Text Box 22"/>
        <xdr:cNvSpPr txBox="1">
          <a:spLocks noChangeArrowheads="1"/>
        </xdr:cNvSpPr>
      </xdr:nvSpPr>
      <xdr:spPr bwMode="auto">
        <a:xfrm>
          <a:off x="5358653"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19</xdr:row>
      <xdr:rowOff>0</xdr:rowOff>
    </xdr:from>
    <xdr:ext cx="42862" cy="28575"/>
    <xdr:sp macro="" textlink="">
      <xdr:nvSpPr>
        <xdr:cNvPr id="771" name="Text Box 23"/>
        <xdr:cNvSpPr txBox="1">
          <a:spLocks noChangeArrowheads="1"/>
        </xdr:cNvSpPr>
      </xdr:nvSpPr>
      <xdr:spPr bwMode="auto">
        <a:xfrm>
          <a:off x="5360894" y="4762051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19</xdr:row>
      <xdr:rowOff>0</xdr:rowOff>
    </xdr:from>
    <xdr:ext cx="57150" cy="38100"/>
    <xdr:sp macro="" textlink="">
      <xdr:nvSpPr>
        <xdr:cNvPr id="772" name="Text Box 22"/>
        <xdr:cNvSpPr txBox="1">
          <a:spLocks noChangeArrowheads="1"/>
        </xdr:cNvSpPr>
      </xdr:nvSpPr>
      <xdr:spPr bwMode="auto">
        <a:xfrm>
          <a:off x="4312024"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773"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19</xdr:row>
      <xdr:rowOff>0</xdr:rowOff>
    </xdr:from>
    <xdr:ext cx="57150" cy="38100"/>
    <xdr:sp macro="" textlink="">
      <xdr:nvSpPr>
        <xdr:cNvPr id="774" name="Text Box 22"/>
        <xdr:cNvSpPr txBox="1">
          <a:spLocks noChangeArrowheads="1"/>
        </xdr:cNvSpPr>
      </xdr:nvSpPr>
      <xdr:spPr bwMode="auto">
        <a:xfrm>
          <a:off x="5477435"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19</xdr:row>
      <xdr:rowOff>0</xdr:rowOff>
    </xdr:from>
    <xdr:ext cx="57150" cy="38100"/>
    <xdr:sp macro="" textlink="">
      <xdr:nvSpPr>
        <xdr:cNvPr id="775" name="Text Box 22"/>
        <xdr:cNvSpPr txBox="1">
          <a:spLocks noChangeArrowheads="1"/>
        </xdr:cNvSpPr>
      </xdr:nvSpPr>
      <xdr:spPr bwMode="auto">
        <a:xfrm>
          <a:off x="699247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19</xdr:row>
      <xdr:rowOff>0</xdr:rowOff>
    </xdr:from>
    <xdr:ext cx="57150" cy="38100"/>
    <xdr:sp macro="" textlink="">
      <xdr:nvSpPr>
        <xdr:cNvPr id="776" name="Text Box 22"/>
        <xdr:cNvSpPr txBox="1">
          <a:spLocks noChangeArrowheads="1"/>
        </xdr:cNvSpPr>
      </xdr:nvSpPr>
      <xdr:spPr bwMode="auto">
        <a:xfrm>
          <a:off x="606014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19</xdr:row>
      <xdr:rowOff>0</xdr:rowOff>
    </xdr:from>
    <xdr:ext cx="57150" cy="38100"/>
    <xdr:sp macro="" textlink="">
      <xdr:nvSpPr>
        <xdr:cNvPr id="777" name="Text Box 22"/>
        <xdr:cNvSpPr txBox="1">
          <a:spLocks noChangeArrowheads="1"/>
        </xdr:cNvSpPr>
      </xdr:nvSpPr>
      <xdr:spPr bwMode="auto">
        <a:xfrm>
          <a:off x="303007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19</xdr:row>
      <xdr:rowOff>0</xdr:rowOff>
    </xdr:from>
    <xdr:ext cx="42863" cy="38100"/>
    <xdr:sp macro="" textlink="">
      <xdr:nvSpPr>
        <xdr:cNvPr id="778" name="Text Box 22"/>
        <xdr:cNvSpPr txBox="1">
          <a:spLocks noChangeArrowheads="1"/>
        </xdr:cNvSpPr>
      </xdr:nvSpPr>
      <xdr:spPr bwMode="auto">
        <a:xfrm>
          <a:off x="5242112"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19</xdr:row>
      <xdr:rowOff>0</xdr:rowOff>
    </xdr:from>
    <xdr:ext cx="57150" cy="38100"/>
    <xdr:sp macro="" textlink="">
      <xdr:nvSpPr>
        <xdr:cNvPr id="779" name="Text Box 22"/>
        <xdr:cNvSpPr txBox="1">
          <a:spLocks noChangeArrowheads="1"/>
        </xdr:cNvSpPr>
      </xdr:nvSpPr>
      <xdr:spPr bwMode="auto">
        <a:xfrm>
          <a:off x="3962400"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19</xdr:row>
      <xdr:rowOff>0</xdr:rowOff>
    </xdr:from>
    <xdr:ext cx="57150" cy="38100"/>
    <xdr:sp macro="" textlink="">
      <xdr:nvSpPr>
        <xdr:cNvPr id="780" name="Text Box 22"/>
        <xdr:cNvSpPr txBox="1">
          <a:spLocks noChangeArrowheads="1"/>
        </xdr:cNvSpPr>
      </xdr:nvSpPr>
      <xdr:spPr bwMode="auto">
        <a:xfrm>
          <a:off x="489472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781"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19</xdr:row>
      <xdr:rowOff>0</xdr:rowOff>
    </xdr:from>
    <xdr:ext cx="42863" cy="47625"/>
    <xdr:sp macro="" textlink="">
      <xdr:nvSpPr>
        <xdr:cNvPr id="782" name="Text Box 117"/>
        <xdr:cNvSpPr txBox="1">
          <a:spLocks noChangeArrowheads="1"/>
        </xdr:cNvSpPr>
      </xdr:nvSpPr>
      <xdr:spPr bwMode="auto">
        <a:xfrm>
          <a:off x="5475194"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19</xdr:row>
      <xdr:rowOff>0</xdr:rowOff>
    </xdr:from>
    <xdr:ext cx="57150" cy="38100"/>
    <xdr:sp macro="" textlink="">
      <xdr:nvSpPr>
        <xdr:cNvPr id="783" name="Text Box 22"/>
        <xdr:cNvSpPr txBox="1">
          <a:spLocks noChangeArrowheads="1"/>
        </xdr:cNvSpPr>
      </xdr:nvSpPr>
      <xdr:spPr bwMode="auto">
        <a:xfrm>
          <a:off x="5477435"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19</xdr:row>
      <xdr:rowOff>0</xdr:rowOff>
    </xdr:from>
    <xdr:ext cx="57150" cy="38100"/>
    <xdr:sp macro="" textlink="">
      <xdr:nvSpPr>
        <xdr:cNvPr id="784" name="Text Box 22"/>
        <xdr:cNvSpPr txBox="1">
          <a:spLocks noChangeArrowheads="1"/>
        </xdr:cNvSpPr>
      </xdr:nvSpPr>
      <xdr:spPr bwMode="auto">
        <a:xfrm>
          <a:off x="6176682"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19</xdr:row>
      <xdr:rowOff>0</xdr:rowOff>
    </xdr:from>
    <xdr:ext cx="57150" cy="38100"/>
    <xdr:sp macro="" textlink="">
      <xdr:nvSpPr>
        <xdr:cNvPr id="785" name="Text Box 22"/>
        <xdr:cNvSpPr txBox="1">
          <a:spLocks noChangeArrowheads="1"/>
        </xdr:cNvSpPr>
      </xdr:nvSpPr>
      <xdr:spPr bwMode="auto">
        <a:xfrm>
          <a:off x="582705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786"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19</xdr:row>
      <xdr:rowOff>0</xdr:rowOff>
    </xdr:from>
    <xdr:ext cx="42863" cy="47625"/>
    <xdr:sp macro="" textlink="">
      <xdr:nvSpPr>
        <xdr:cNvPr id="787" name="Text Box 117"/>
        <xdr:cNvSpPr txBox="1">
          <a:spLocks noChangeArrowheads="1"/>
        </xdr:cNvSpPr>
      </xdr:nvSpPr>
      <xdr:spPr bwMode="auto">
        <a:xfrm>
          <a:off x="5475194"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19</xdr:row>
      <xdr:rowOff>0</xdr:rowOff>
    </xdr:from>
    <xdr:ext cx="57150" cy="38100"/>
    <xdr:sp macro="" textlink="">
      <xdr:nvSpPr>
        <xdr:cNvPr id="788" name="Text Box 22"/>
        <xdr:cNvSpPr txBox="1">
          <a:spLocks noChangeArrowheads="1"/>
        </xdr:cNvSpPr>
      </xdr:nvSpPr>
      <xdr:spPr bwMode="auto">
        <a:xfrm>
          <a:off x="6176682"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19</xdr:row>
      <xdr:rowOff>0</xdr:rowOff>
    </xdr:from>
    <xdr:ext cx="42863" cy="38100"/>
    <xdr:sp macro="" textlink="">
      <xdr:nvSpPr>
        <xdr:cNvPr id="789" name="Text Box 22"/>
        <xdr:cNvSpPr txBox="1">
          <a:spLocks noChangeArrowheads="1"/>
        </xdr:cNvSpPr>
      </xdr:nvSpPr>
      <xdr:spPr bwMode="auto">
        <a:xfrm>
          <a:off x="7106771"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19</xdr:row>
      <xdr:rowOff>0</xdr:rowOff>
    </xdr:from>
    <xdr:ext cx="57150" cy="38100"/>
    <xdr:sp macro="" textlink="">
      <xdr:nvSpPr>
        <xdr:cNvPr id="790" name="Text Box 22"/>
        <xdr:cNvSpPr txBox="1">
          <a:spLocks noChangeArrowheads="1"/>
        </xdr:cNvSpPr>
      </xdr:nvSpPr>
      <xdr:spPr bwMode="auto">
        <a:xfrm>
          <a:off x="582705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19</xdr:row>
      <xdr:rowOff>0</xdr:rowOff>
    </xdr:from>
    <xdr:ext cx="57150" cy="38100"/>
    <xdr:sp macro="" textlink="">
      <xdr:nvSpPr>
        <xdr:cNvPr id="791" name="Text Box 22"/>
        <xdr:cNvSpPr txBox="1">
          <a:spLocks noChangeArrowheads="1"/>
        </xdr:cNvSpPr>
      </xdr:nvSpPr>
      <xdr:spPr bwMode="auto">
        <a:xfrm>
          <a:off x="6759388"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19</xdr:row>
      <xdr:rowOff>0</xdr:rowOff>
    </xdr:from>
    <xdr:ext cx="42863" cy="47625"/>
    <xdr:sp macro="" textlink="">
      <xdr:nvSpPr>
        <xdr:cNvPr id="792" name="Text Box 80"/>
        <xdr:cNvSpPr txBox="1">
          <a:spLocks noChangeArrowheads="1"/>
        </xdr:cNvSpPr>
      </xdr:nvSpPr>
      <xdr:spPr bwMode="auto">
        <a:xfrm>
          <a:off x="3727076"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19</xdr:row>
      <xdr:rowOff>0</xdr:rowOff>
    </xdr:from>
    <xdr:ext cx="42863" cy="47625"/>
    <xdr:sp macro="" textlink="">
      <xdr:nvSpPr>
        <xdr:cNvPr id="793" name="Text Box 117"/>
        <xdr:cNvSpPr txBox="1">
          <a:spLocks noChangeArrowheads="1"/>
        </xdr:cNvSpPr>
      </xdr:nvSpPr>
      <xdr:spPr bwMode="auto">
        <a:xfrm>
          <a:off x="36105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19</xdr:row>
      <xdr:rowOff>0</xdr:rowOff>
    </xdr:from>
    <xdr:ext cx="33337" cy="47625"/>
    <xdr:sp macro="" textlink="">
      <xdr:nvSpPr>
        <xdr:cNvPr id="794" name="Text Box 118"/>
        <xdr:cNvSpPr txBox="1">
          <a:spLocks noChangeArrowheads="1"/>
        </xdr:cNvSpPr>
      </xdr:nvSpPr>
      <xdr:spPr bwMode="auto">
        <a:xfrm>
          <a:off x="3539097" y="4762051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19</xdr:row>
      <xdr:rowOff>0</xdr:rowOff>
    </xdr:from>
    <xdr:ext cx="42863" cy="38100"/>
    <xdr:sp macro="" textlink="">
      <xdr:nvSpPr>
        <xdr:cNvPr id="795" name="Text Box 22"/>
        <xdr:cNvSpPr txBox="1">
          <a:spLocks noChangeArrowheads="1"/>
        </xdr:cNvSpPr>
      </xdr:nvSpPr>
      <xdr:spPr bwMode="auto">
        <a:xfrm>
          <a:off x="3377453"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19</xdr:row>
      <xdr:rowOff>0</xdr:rowOff>
    </xdr:from>
    <xdr:ext cx="57150" cy="38100"/>
    <xdr:sp macro="" textlink="">
      <xdr:nvSpPr>
        <xdr:cNvPr id="796" name="Text Box 22"/>
        <xdr:cNvSpPr txBox="1">
          <a:spLocks noChangeArrowheads="1"/>
        </xdr:cNvSpPr>
      </xdr:nvSpPr>
      <xdr:spPr bwMode="auto">
        <a:xfrm>
          <a:off x="209774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19</xdr:row>
      <xdr:rowOff>0</xdr:rowOff>
    </xdr:from>
    <xdr:ext cx="57150" cy="38100"/>
    <xdr:sp macro="" textlink="">
      <xdr:nvSpPr>
        <xdr:cNvPr id="797" name="Text Box 22"/>
        <xdr:cNvSpPr txBox="1">
          <a:spLocks noChangeArrowheads="1"/>
        </xdr:cNvSpPr>
      </xdr:nvSpPr>
      <xdr:spPr bwMode="auto">
        <a:xfrm>
          <a:off x="3612776"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19</xdr:row>
      <xdr:rowOff>0</xdr:rowOff>
    </xdr:from>
    <xdr:ext cx="57150" cy="38100"/>
    <xdr:sp macro="" textlink="">
      <xdr:nvSpPr>
        <xdr:cNvPr id="798" name="Text Box 22"/>
        <xdr:cNvSpPr txBox="1">
          <a:spLocks noChangeArrowheads="1"/>
        </xdr:cNvSpPr>
      </xdr:nvSpPr>
      <xdr:spPr bwMode="auto">
        <a:xfrm>
          <a:off x="5244353"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19</xdr:row>
      <xdr:rowOff>0</xdr:rowOff>
    </xdr:from>
    <xdr:ext cx="57150" cy="38100"/>
    <xdr:sp macro="" textlink="">
      <xdr:nvSpPr>
        <xdr:cNvPr id="799" name="Text Box 22"/>
        <xdr:cNvSpPr txBox="1">
          <a:spLocks noChangeArrowheads="1"/>
        </xdr:cNvSpPr>
      </xdr:nvSpPr>
      <xdr:spPr bwMode="auto">
        <a:xfrm>
          <a:off x="5710518"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19</xdr:row>
      <xdr:rowOff>0</xdr:rowOff>
    </xdr:from>
    <xdr:ext cx="61912" cy="38100"/>
    <xdr:sp macro="" textlink="">
      <xdr:nvSpPr>
        <xdr:cNvPr id="800" name="Text Box 80"/>
        <xdr:cNvSpPr txBox="1">
          <a:spLocks noChangeArrowheads="1"/>
        </xdr:cNvSpPr>
      </xdr:nvSpPr>
      <xdr:spPr bwMode="auto">
        <a:xfrm>
          <a:off x="5009029" y="47620518"/>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19</xdr:row>
      <xdr:rowOff>0</xdr:rowOff>
    </xdr:from>
    <xdr:ext cx="42862" cy="28575"/>
    <xdr:sp macro="" textlink="">
      <xdr:nvSpPr>
        <xdr:cNvPr id="801" name="Text Box 23"/>
        <xdr:cNvSpPr txBox="1">
          <a:spLocks noChangeArrowheads="1"/>
        </xdr:cNvSpPr>
      </xdr:nvSpPr>
      <xdr:spPr bwMode="auto">
        <a:xfrm>
          <a:off x="5360894" y="4762051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19</xdr:row>
      <xdr:rowOff>0</xdr:rowOff>
    </xdr:from>
    <xdr:ext cx="42863" cy="38100"/>
    <xdr:sp macro="" textlink="">
      <xdr:nvSpPr>
        <xdr:cNvPr id="802" name="Text Box 22"/>
        <xdr:cNvSpPr txBox="1">
          <a:spLocks noChangeArrowheads="1"/>
        </xdr:cNvSpPr>
      </xdr:nvSpPr>
      <xdr:spPr bwMode="auto">
        <a:xfrm>
          <a:off x="5358653"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19</xdr:row>
      <xdr:rowOff>0</xdr:rowOff>
    </xdr:from>
    <xdr:ext cx="42862" cy="28575"/>
    <xdr:sp macro="" textlink="">
      <xdr:nvSpPr>
        <xdr:cNvPr id="803" name="Text Box 23"/>
        <xdr:cNvSpPr txBox="1">
          <a:spLocks noChangeArrowheads="1"/>
        </xdr:cNvSpPr>
      </xdr:nvSpPr>
      <xdr:spPr bwMode="auto">
        <a:xfrm>
          <a:off x="5360894" y="4762051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19</xdr:row>
      <xdr:rowOff>0</xdr:rowOff>
    </xdr:from>
    <xdr:ext cx="57150" cy="38100"/>
    <xdr:sp macro="" textlink="">
      <xdr:nvSpPr>
        <xdr:cNvPr id="804" name="Text Box 22"/>
        <xdr:cNvSpPr txBox="1">
          <a:spLocks noChangeArrowheads="1"/>
        </xdr:cNvSpPr>
      </xdr:nvSpPr>
      <xdr:spPr bwMode="auto">
        <a:xfrm>
          <a:off x="4312024"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805"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19</xdr:row>
      <xdr:rowOff>0</xdr:rowOff>
    </xdr:from>
    <xdr:ext cx="57150" cy="38100"/>
    <xdr:sp macro="" textlink="">
      <xdr:nvSpPr>
        <xdr:cNvPr id="806" name="Text Box 22"/>
        <xdr:cNvSpPr txBox="1">
          <a:spLocks noChangeArrowheads="1"/>
        </xdr:cNvSpPr>
      </xdr:nvSpPr>
      <xdr:spPr bwMode="auto">
        <a:xfrm>
          <a:off x="5477435"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19</xdr:row>
      <xdr:rowOff>0</xdr:rowOff>
    </xdr:from>
    <xdr:ext cx="57150" cy="38100"/>
    <xdr:sp macro="" textlink="">
      <xdr:nvSpPr>
        <xdr:cNvPr id="807" name="Text Box 22"/>
        <xdr:cNvSpPr txBox="1">
          <a:spLocks noChangeArrowheads="1"/>
        </xdr:cNvSpPr>
      </xdr:nvSpPr>
      <xdr:spPr bwMode="auto">
        <a:xfrm>
          <a:off x="699247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19</xdr:row>
      <xdr:rowOff>0</xdr:rowOff>
    </xdr:from>
    <xdr:ext cx="57150" cy="38100"/>
    <xdr:sp macro="" textlink="">
      <xdr:nvSpPr>
        <xdr:cNvPr id="808" name="Text Box 22"/>
        <xdr:cNvSpPr txBox="1">
          <a:spLocks noChangeArrowheads="1"/>
        </xdr:cNvSpPr>
      </xdr:nvSpPr>
      <xdr:spPr bwMode="auto">
        <a:xfrm>
          <a:off x="606014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19</xdr:row>
      <xdr:rowOff>0</xdr:rowOff>
    </xdr:from>
    <xdr:ext cx="57150" cy="38100"/>
    <xdr:sp macro="" textlink="">
      <xdr:nvSpPr>
        <xdr:cNvPr id="809" name="Text Box 22"/>
        <xdr:cNvSpPr txBox="1">
          <a:spLocks noChangeArrowheads="1"/>
        </xdr:cNvSpPr>
      </xdr:nvSpPr>
      <xdr:spPr bwMode="auto">
        <a:xfrm>
          <a:off x="3030071"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19</xdr:row>
      <xdr:rowOff>0</xdr:rowOff>
    </xdr:from>
    <xdr:ext cx="42863" cy="38100"/>
    <xdr:sp macro="" textlink="">
      <xdr:nvSpPr>
        <xdr:cNvPr id="810" name="Text Box 22"/>
        <xdr:cNvSpPr txBox="1">
          <a:spLocks noChangeArrowheads="1"/>
        </xdr:cNvSpPr>
      </xdr:nvSpPr>
      <xdr:spPr bwMode="auto">
        <a:xfrm>
          <a:off x="5242112"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19</xdr:row>
      <xdr:rowOff>0</xdr:rowOff>
    </xdr:from>
    <xdr:ext cx="57150" cy="38100"/>
    <xdr:sp macro="" textlink="">
      <xdr:nvSpPr>
        <xdr:cNvPr id="811" name="Text Box 22"/>
        <xdr:cNvSpPr txBox="1">
          <a:spLocks noChangeArrowheads="1"/>
        </xdr:cNvSpPr>
      </xdr:nvSpPr>
      <xdr:spPr bwMode="auto">
        <a:xfrm>
          <a:off x="3962400"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19</xdr:row>
      <xdr:rowOff>0</xdr:rowOff>
    </xdr:from>
    <xdr:ext cx="57150" cy="38100"/>
    <xdr:sp macro="" textlink="">
      <xdr:nvSpPr>
        <xdr:cNvPr id="812" name="Text Box 22"/>
        <xdr:cNvSpPr txBox="1">
          <a:spLocks noChangeArrowheads="1"/>
        </xdr:cNvSpPr>
      </xdr:nvSpPr>
      <xdr:spPr bwMode="auto">
        <a:xfrm>
          <a:off x="489472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813"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19</xdr:row>
      <xdr:rowOff>0</xdr:rowOff>
    </xdr:from>
    <xdr:ext cx="42863" cy="47625"/>
    <xdr:sp macro="" textlink="">
      <xdr:nvSpPr>
        <xdr:cNvPr id="814" name="Text Box 117"/>
        <xdr:cNvSpPr txBox="1">
          <a:spLocks noChangeArrowheads="1"/>
        </xdr:cNvSpPr>
      </xdr:nvSpPr>
      <xdr:spPr bwMode="auto">
        <a:xfrm>
          <a:off x="5475194"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19</xdr:row>
      <xdr:rowOff>0</xdr:rowOff>
    </xdr:from>
    <xdr:ext cx="57150" cy="38100"/>
    <xdr:sp macro="" textlink="">
      <xdr:nvSpPr>
        <xdr:cNvPr id="815" name="Text Box 22"/>
        <xdr:cNvSpPr txBox="1">
          <a:spLocks noChangeArrowheads="1"/>
        </xdr:cNvSpPr>
      </xdr:nvSpPr>
      <xdr:spPr bwMode="auto">
        <a:xfrm>
          <a:off x="5477435"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19</xdr:row>
      <xdr:rowOff>0</xdr:rowOff>
    </xdr:from>
    <xdr:ext cx="57150" cy="38100"/>
    <xdr:sp macro="" textlink="">
      <xdr:nvSpPr>
        <xdr:cNvPr id="816" name="Text Box 22"/>
        <xdr:cNvSpPr txBox="1">
          <a:spLocks noChangeArrowheads="1"/>
        </xdr:cNvSpPr>
      </xdr:nvSpPr>
      <xdr:spPr bwMode="auto">
        <a:xfrm>
          <a:off x="6176682"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19</xdr:row>
      <xdr:rowOff>0</xdr:rowOff>
    </xdr:from>
    <xdr:ext cx="57150" cy="38100"/>
    <xdr:sp macro="" textlink="">
      <xdr:nvSpPr>
        <xdr:cNvPr id="817" name="Text Box 22"/>
        <xdr:cNvSpPr txBox="1">
          <a:spLocks noChangeArrowheads="1"/>
        </xdr:cNvSpPr>
      </xdr:nvSpPr>
      <xdr:spPr bwMode="auto">
        <a:xfrm>
          <a:off x="582705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19</xdr:row>
      <xdr:rowOff>0</xdr:rowOff>
    </xdr:from>
    <xdr:ext cx="42863" cy="47625"/>
    <xdr:sp macro="" textlink="">
      <xdr:nvSpPr>
        <xdr:cNvPr id="818" name="Text Box 80"/>
        <xdr:cNvSpPr txBox="1">
          <a:spLocks noChangeArrowheads="1"/>
        </xdr:cNvSpPr>
      </xdr:nvSpPr>
      <xdr:spPr bwMode="auto">
        <a:xfrm>
          <a:off x="5591735"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19</xdr:row>
      <xdr:rowOff>0</xdr:rowOff>
    </xdr:from>
    <xdr:ext cx="42863" cy="47625"/>
    <xdr:sp macro="" textlink="">
      <xdr:nvSpPr>
        <xdr:cNvPr id="819" name="Text Box 117"/>
        <xdr:cNvSpPr txBox="1">
          <a:spLocks noChangeArrowheads="1"/>
        </xdr:cNvSpPr>
      </xdr:nvSpPr>
      <xdr:spPr bwMode="auto">
        <a:xfrm>
          <a:off x="5475194" y="476205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19</xdr:row>
      <xdr:rowOff>0</xdr:rowOff>
    </xdr:from>
    <xdr:ext cx="57150" cy="38100"/>
    <xdr:sp macro="" textlink="">
      <xdr:nvSpPr>
        <xdr:cNvPr id="820" name="Text Box 22"/>
        <xdr:cNvSpPr txBox="1">
          <a:spLocks noChangeArrowheads="1"/>
        </xdr:cNvSpPr>
      </xdr:nvSpPr>
      <xdr:spPr bwMode="auto">
        <a:xfrm>
          <a:off x="6176682"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19</xdr:row>
      <xdr:rowOff>0</xdr:rowOff>
    </xdr:from>
    <xdr:ext cx="42863" cy="38100"/>
    <xdr:sp macro="" textlink="">
      <xdr:nvSpPr>
        <xdr:cNvPr id="821" name="Text Box 22"/>
        <xdr:cNvSpPr txBox="1">
          <a:spLocks noChangeArrowheads="1"/>
        </xdr:cNvSpPr>
      </xdr:nvSpPr>
      <xdr:spPr bwMode="auto">
        <a:xfrm>
          <a:off x="7106771" y="4762051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19</xdr:row>
      <xdr:rowOff>0</xdr:rowOff>
    </xdr:from>
    <xdr:ext cx="57150" cy="38100"/>
    <xdr:sp macro="" textlink="">
      <xdr:nvSpPr>
        <xdr:cNvPr id="822" name="Text Box 22"/>
        <xdr:cNvSpPr txBox="1">
          <a:spLocks noChangeArrowheads="1"/>
        </xdr:cNvSpPr>
      </xdr:nvSpPr>
      <xdr:spPr bwMode="auto">
        <a:xfrm>
          <a:off x="5827059"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19</xdr:row>
      <xdr:rowOff>0</xdr:rowOff>
    </xdr:from>
    <xdr:ext cx="57150" cy="38100"/>
    <xdr:sp macro="" textlink="">
      <xdr:nvSpPr>
        <xdr:cNvPr id="823" name="Text Box 22"/>
        <xdr:cNvSpPr txBox="1">
          <a:spLocks noChangeArrowheads="1"/>
        </xdr:cNvSpPr>
      </xdr:nvSpPr>
      <xdr:spPr bwMode="auto">
        <a:xfrm>
          <a:off x="6759388" y="4762051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02</xdr:row>
      <xdr:rowOff>0</xdr:rowOff>
    </xdr:from>
    <xdr:ext cx="42863" cy="47625"/>
    <xdr:sp macro="" textlink="">
      <xdr:nvSpPr>
        <xdr:cNvPr id="758" name="Text Box 80"/>
        <xdr:cNvSpPr txBox="1">
          <a:spLocks noChangeArrowheads="1"/>
        </xdr:cNvSpPr>
      </xdr:nvSpPr>
      <xdr:spPr bwMode="auto">
        <a:xfrm>
          <a:off x="36576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02</xdr:row>
      <xdr:rowOff>0</xdr:rowOff>
    </xdr:from>
    <xdr:ext cx="42863" cy="47625"/>
    <xdr:sp macro="" textlink="">
      <xdr:nvSpPr>
        <xdr:cNvPr id="759" name="Text Box 117"/>
        <xdr:cNvSpPr txBox="1">
          <a:spLocks noChangeArrowheads="1"/>
        </xdr:cNvSpPr>
      </xdr:nvSpPr>
      <xdr:spPr bwMode="auto">
        <a:xfrm>
          <a:off x="35433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02</xdr:row>
      <xdr:rowOff>0</xdr:rowOff>
    </xdr:from>
    <xdr:ext cx="42863" cy="38100"/>
    <xdr:sp macro="" textlink="">
      <xdr:nvSpPr>
        <xdr:cNvPr id="824" name="Text Box 22"/>
        <xdr:cNvSpPr txBox="1">
          <a:spLocks noChangeArrowheads="1"/>
        </xdr:cNvSpPr>
      </xdr:nvSpPr>
      <xdr:spPr bwMode="auto">
        <a:xfrm>
          <a:off x="3314700" y="32613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02</xdr:row>
      <xdr:rowOff>0</xdr:rowOff>
    </xdr:from>
    <xdr:ext cx="57150" cy="38100"/>
    <xdr:sp macro="" textlink="">
      <xdr:nvSpPr>
        <xdr:cNvPr id="825" name="Text Box 22"/>
        <xdr:cNvSpPr txBox="1">
          <a:spLocks noChangeArrowheads="1"/>
        </xdr:cNvSpPr>
      </xdr:nvSpPr>
      <xdr:spPr bwMode="auto">
        <a:xfrm>
          <a:off x="20574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02</xdr:row>
      <xdr:rowOff>0</xdr:rowOff>
    </xdr:from>
    <xdr:ext cx="57150" cy="38100"/>
    <xdr:sp macro="" textlink="">
      <xdr:nvSpPr>
        <xdr:cNvPr id="826" name="Text Box 22"/>
        <xdr:cNvSpPr txBox="1">
          <a:spLocks noChangeArrowheads="1"/>
        </xdr:cNvSpPr>
      </xdr:nvSpPr>
      <xdr:spPr bwMode="auto">
        <a:xfrm>
          <a:off x="35433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02</xdr:row>
      <xdr:rowOff>0</xdr:rowOff>
    </xdr:from>
    <xdr:ext cx="57150" cy="38100"/>
    <xdr:sp macro="" textlink="">
      <xdr:nvSpPr>
        <xdr:cNvPr id="827" name="Text Box 22"/>
        <xdr:cNvSpPr txBox="1">
          <a:spLocks noChangeArrowheads="1"/>
        </xdr:cNvSpPr>
      </xdr:nvSpPr>
      <xdr:spPr bwMode="auto">
        <a:xfrm>
          <a:off x="51435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02</xdr:row>
      <xdr:rowOff>0</xdr:rowOff>
    </xdr:from>
    <xdr:ext cx="57150" cy="38100"/>
    <xdr:sp macro="" textlink="">
      <xdr:nvSpPr>
        <xdr:cNvPr id="828" name="Text Box 22"/>
        <xdr:cNvSpPr txBox="1">
          <a:spLocks noChangeArrowheads="1"/>
        </xdr:cNvSpPr>
      </xdr:nvSpPr>
      <xdr:spPr bwMode="auto">
        <a:xfrm>
          <a:off x="56007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2</xdr:row>
      <xdr:rowOff>0</xdr:rowOff>
    </xdr:from>
    <xdr:ext cx="42862" cy="28575"/>
    <xdr:sp macro="" textlink="">
      <xdr:nvSpPr>
        <xdr:cNvPr id="829" name="Text Box 23"/>
        <xdr:cNvSpPr txBox="1">
          <a:spLocks noChangeArrowheads="1"/>
        </xdr:cNvSpPr>
      </xdr:nvSpPr>
      <xdr:spPr bwMode="auto">
        <a:xfrm>
          <a:off x="5257800" y="326136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2</xdr:row>
      <xdr:rowOff>0</xdr:rowOff>
    </xdr:from>
    <xdr:ext cx="42863" cy="38100"/>
    <xdr:sp macro="" textlink="">
      <xdr:nvSpPr>
        <xdr:cNvPr id="830" name="Text Box 22"/>
        <xdr:cNvSpPr txBox="1">
          <a:spLocks noChangeArrowheads="1"/>
        </xdr:cNvSpPr>
      </xdr:nvSpPr>
      <xdr:spPr bwMode="auto">
        <a:xfrm>
          <a:off x="5257800" y="32613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2</xdr:row>
      <xdr:rowOff>0</xdr:rowOff>
    </xdr:from>
    <xdr:ext cx="42862" cy="28575"/>
    <xdr:sp macro="" textlink="">
      <xdr:nvSpPr>
        <xdr:cNvPr id="831" name="Text Box 23"/>
        <xdr:cNvSpPr txBox="1">
          <a:spLocks noChangeArrowheads="1"/>
        </xdr:cNvSpPr>
      </xdr:nvSpPr>
      <xdr:spPr bwMode="auto">
        <a:xfrm>
          <a:off x="5257800" y="326136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2</xdr:row>
      <xdr:rowOff>0</xdr:rowOff>
    </xdr:from>
    <xdr:ext cx="57150" cy="38100"/>
    <xdr:sp macro="" textlink="">
      <xdr:nvSpPr>
        <xdr:cNvPr id="832" name="Text Box 22"/>
        <xdr:cNvSpPr txBox="1">
          <a:spLocks noChangeArrowheads="1"/>
        </xdr:cNvSpPr>
      </xdr:nvSpPr>
      <xdr:spPr bwMode="auto">
        <a:xfrm>
          <a:off x="42291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2</xdr:row>
      <xdr:rowOff>0</xdr:rowOff>
    </xdr:from>
    <xdr:ext cx="42863" cy="47625"/>
    <xdr:sp macro="" textlink="">
      <xdr:nvSpPr>
        <xdr:cNvPr id="833" name="Text Box 80"/>
        <xdr:cNvSpPr txBox="1">
          <a:spLocks noChangeArrowheads="1"/>
        </xdr:cNvSpPr>
      </xdr:nvSpPr>
      <xdr:spPr bwMode="auto">
        <a:xfrm>
          <a:off x="54864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2</xdr:row>
      <xdr:rowOff>0</xdr:rowOff>
    </xdr:from>
    <xdr:ext cx="57150" cy="38100"/>
    <xdr:sp macro="" textlink="">
      <xdr:nvSpPr>
        <xdr:cNvPr id="834" name="Text Box 22"/>
        <xdr:cNvSpPr txBox="1">
          <a:spLocks noChangeArrowheads="1"/>
        </xdr:cNvSpPr>
      </xdr:nvSpPr>
      <xdr:spPr bwMode="auto">
        <a:xfrm>
          <a:off x="53721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2</xdr:row>
      <xdr:rowOff>0</xdr:rowOff>
    </xdr:from>
    <xdr:ext cx="57150" cy="38100"/>
    <xdr:sp macro="" textlink="">
      <xdr:nvSpPr>
        <xdr:cNvPr id="835" name="Text Box 22"/>
        <xdr:cNvSpPr txBox="1">
          <a:spLocks noChangeArrowheads="1"/>
        </xdr:cNvSpPr>
      </xdr:nvSpPr>
      <xdr:spPr bwMode="auto">
        <a:xfrm>
          <a:off x="68580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2</xdr:row>
      <xdr:rowOff>0</xdr:rowOff>
    </xdr:from>
    <xdr:ext cx="57150" cy="38100"/>
    <xdr:sp macro="" textlink="">
      <xdr:nvSpPr>
        <xdr:cNvPr id="836" name="Text Box 22"/>
        <xdr:cNvSpPr txBox="1">
          <a:spLocks noChangeArrowheads="1"/>
        </xdr:cNvSpPr>
      </xdr:nvSpPr>
      <xdr:spPr bwMode="auto">
        <a:xfrm>
          <a:off x="59436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2</xdr:row>
      <xdr:rowOff>0</xdr:rowOff>
    </xdr:from>
    <xdr:ext cx="57150" cy="38100"/>
    <xdr:sp macro="" textlink="">
      <xdr:nvSpPr>
        <xdr:cNvPr id="837" name="Text Box 22"/>
        <xdr:cNvSpPr txBox="1">
          <a:spLocks noChangeArrowheads="1"/>
        </xdr:cNvSpPr>
      </xdr:nvSpPr>
      <xdr:spPr bwMode="auto">
        <a:xfrm>
          <a:off x="29718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2</xdr:row>
      <xdr:rowOff>0</xdr:rowOff>
    </xdr:from>
    <xdr:ext cx="42863" cy="38100"/>
    <xdr:sp macro="" textlink="">
      <xdr:nvSpPr>
        <xdr:cNvPr id="838" name="Text Box 22"/>
        <xdr:cNvSpPr txBox="1">
          <a:spLocks noChangeArrowheads="1"/>
        </xdr:cNvSpPr>
      </xdr:nvSpPr>
      <xdr:spPr bwMode="auto">
        <a:xfrm>
          <a:off x="5143500" y="32613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2</xdr:row>
      <xdr:rowOff>0</xdr:rowOff>
    </xdr:from>
    <xdr:ext cx="57150" cy="38100"/>
    <xdr:sp macro="" textlink="">
      <xdr:nvSpPr>
        <xdr:cNvPr id="839" name="Text Box 22"/>
        <xdr:cNvSpPr txBox="1">
          <a:spLocks noChangeArrowheads="1"/>
        </xdr:cNvSpPr>
      </xdr:nvSpPr>
      <xdr:spPr bwMode="auto">
        <a:xfrm>
          <a:off x="48006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2</xdr:row>
      <xdr:rowOff>0</xdr:rowOff>
    </xdr:from>
    <xdr:ext cx="42863" cy="47625"/>
    <xdr:sp macro="" textlink="">
      <xdr:nvSpPr>
        <xdr:cNvPr id="840" name="Text Box 80"/>
        <xdr:cNvSpPr txBox="1">
          <a:spLocks noChangeArrowheads="1"/>
        </xdr:cNvSpPr>
      </xdr:nvSpPr>
      <xdr:spPr bwMode="auto">
        <a:xfrm>
          <a:off x="54864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2</xdr:row>
      <xdr:rowOff>0</xdr:rowOff>
    </xdr:from>
    <xdr:ext cx="42863" cy="47625"/>
    <xdr:sp macro="" textlink="">
      <xdr:nvSpPr>
        <xdr:cNvPr id="841" name="Text Box 117"/>
        <xdr:cNvSpPr txBox="1">
          <a:spLocks noChangeArrowheads="1"/>
        </xdr:cNvSpPr>
      </xdr:nvSpPr>
      <xdr:spPr bwMode="auto">
        <a:xfrm>
          <a:off x="53721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2</xdr:row>
      <xdr:rowOff>0</xdr:rowOff>
    </xdr:from>
    <xdr:ext cx="57150" cy="38100"/>
    <xdr:sp macro="" textlink="">
      <xdr:nvSpPr>
        <xdr:cNvPr id="842" name="Text Box 22"/>
        <xdr:cNvSpPr txBox="1">
          <a:spLocks noChangeArrowheads="1"/>
        </xdr:cNvSpPr>
      </xdr:nvSpPr>
      <xdr:spPr bwMode="auto">
        <a:xfrm>
          <a:off x="53721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2</xdr:row>
      <xdr:rowOff>0</xdr:rowOff>
    </xdr:from>
    <xdr:ext cx="57150" cy="38100"/>
    <xdr:sp macro="" textlink="">
      <xdr:nvSpPr>
        <xdr:cNvPr id="843" name="Text Box 22"/>
        <xdr:cNvSpPr txBox="1">
          <a:spLocks noChangeArrowheads="1"/>
        </xdr:cNvSpPr>
      </xdr:nvSpPr>
      <xdr:spPr bwMode="auto">
        <a:xfrm>
          <a:off x="60579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2</xdr:row>
      <xdr:rowOff>0</xdr:rowOff>
    </xdr:from>
    <xdr:ext cx="57150" cy="38100"/>
    <xdr:sp macro="" textlink="">
      <xdr:nvSpPr>
        <xdr:cNvPr id="844" name="Text Box 22"/>
        <xdr:cNvSpPr txBox="1">
          <a:spLocks noChangeArrowheads="1"/>
        </xdr:cNvSpPr>
      </xdr:nvSpPr>
      <xdr:spPr bwMode="auto">
        <a:xfrm>
          <a:off x="57150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2</xdr:row>
      <xdr:rowOff>0</xdr:rowOff>
    </xdr:from>
    <xdr:ext cx="42863" cy="47625"/>
    <xdr:sp macro="" textlink="">
      <xdr:nvSpPr>
        <xdr:cNvPr id="845" name="Text Box 80"/>
        <xdr:cNvSpPr txBox="1">
          <a:spLocks noChangeArrowheads="1"/>
        </xdr:cNvSpPr>
      </xdr:nvSpPr>
      <xdr:spPr bwMode="auto">
        <a:xfrm>
          <a:off x="54864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2</xdr:row>
      <xdr:rowOff>0</xdr:rowOff>
    </xdr:from>
    <xdr:ext cx="42863" cy="47625"/>
    <xdr:sp macro="" textlink="">
      <xdr:nvSpPr>
        <xdr:cNvPr id="846" name="Text Box 117"/>
        <xdr:cNvSpPr txBox="1">
          <a:spLocks noChangeArrowheads="1"/>
        </xdr:cNvSpPr>
      </xdr:nvSpPr>
      <xdr:spPr bwMode="auto">
        <a:xfrm>
          <a:off x="5372100" y="32613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2</xdr:row>
      <xdr:rowOff>0</xdr:rowOff>
    </xdr:from>
    <xdr:ext cx="57150" cy="38100"/>
    <xdr:sp macro="" textlink="">
      <xdr:nvSpPr>
        <xdr:cNvPr id="847" name="Text Box 22"/>
        <xdr:cNvSpPr txBox="1">
          <a:spLocks noChangeArrowheads="1"/>
        </xdr:cNvSpPr>
      </xdr:nvSpPr>
      <xdr:spPr bwMode="auto">
        <a:xfrm>
          <a:off x="53721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2</xdr:row>
      <xdr:rowOff>0</xdr:rowOff>
    </xdr:from>
    <xdr:ext cx="57150" cy="38100"/>
    <xdr:sp macro="" textlink="">
      <xdr:nvSpPr>
        <xdr:cNvPr id="848" name="Text Box 22"/>
        <xdr:cNvSpPr txBox="1">
          <a:spLocks noChangeArrowheads="1"/>
        </xdr:cNvSpPr>
      </xdr:nvSpPr>
      <xdr:spPr bwMode="auto">
        <a:xfrm>
          <a:off x="60579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2</xdr:row>
      <xdr:rowOff>0</xdr:rowOff>
    </xdr:from>
    <xdr:ext cx="57150" cy="38100"/>
    <xdr:sp macro="" textlink="">
      <xdr:nvSpPr>
        <xdr:cNvPr id="849" name="Text Box 22"/>
        <xdr:cNvSpPr txBox="1">
          <a:spLocks noChangeArrowheads="1"/>
        </xdr:cNvSpPr>
      </xdr:nvSpPr>
      <xdr:spPr bwMode="auto">
        <a:xfrm>
          <a:off x="57150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2</xdr:row>
      <xdr:rowOff>0</xdr:rowOff>
    </xdr:from>
    <xdr:ext cx="57150" cy="38100"/>
    <xdr:sp macro="" textlink="">
      <xdr:nvSpPr>
        <xdr:cNvPr id="850" name="Text Box 22"/>
        <xdr:cNvSpPr txBox="1">
          <a:spLocks noChangeArrowheads="1"/>
        </xdr:cNvSpPr>
      </xdr:nvSpPr>
      <xdr:spPr bwMode="auto">
        <a:xfrm>
          <a:off x="6629400" y="32613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5</xdr:col>
      <xdr:colOff>78441</xdr:colOff>
      <xdr:row>103</xdr:row>
      <xdr:rowOff>22411</xdr:rowOff>
    </xdr:from>
    <xdr:to>
      <xdr:col>60</xdr:col>
      <xdr:colOff>22412</xdr:colOff>
      <xdr:row>105</xdr:row>
      <xdr:rowOff>145411</xdr:rowOff>
    </xdr:to>
    <xdr:sp macro="" textlink="">
      <xdr:nvSpPr>
        <xdr:cNvPr id="851" name="大かっこ 850"/>
        <xdr:cNvSpPr/>
      </xdr:nvSpPr>
      <xdr:spPr bwMode="auto">
        <a:xfrm>
          <a:off x="649941" y="32826511"/>
          <a:ext cx="6230471" cy="504000"/>
        </a:xfrm>
        <a:prstGeom prst="bracketPair">
          <a:avLst/>
        </a:prstGeom>
        <a:noFill/>
        <a:ln w="9525"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65279;<?xml version="1.0" encoding="utf-8" standalone="yes"?>
<Relationships xmlns="http://schemas.openxmlformats.org/package/2006/relationships">
  <Relationship Id="rId2" Type="http://schemas.openxmlformats.org/officeDocument/2006/relationships/drawing" Target="../drawings/drawing1.xml" />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J287"/>
  <sheetViews>
    <sheetView showGridLines="0" tabSelected="1" zoomScale="85" zoomScaleNormal="85" zoomScaleSheetLayoutView="100" workbookViewId="0">
      <selection activeCell="AK123" sqref="AK123"/>
    </sheetView>
  </sheetViews>
  <sheetFormatPr defaultColWidth="1.6640625" defaultRowHeight="13.2"/>
  <cols>
    <col min="1" max="5" width="1.6640625" style="102" customWidth="1"/>
    <col min="6" max="33" width="1.6640625" style="102"/>
    <col min="34" max="34" width="1.6640625" style="102" customWidth="1"/>
    <col min="35" max="16384" width="1.6640625" style="102"/>
  </cols>
  <sheetData>
    <row r="1" spans="1:66" ht="15" customHeight="1">
      <c r="A1" s="450" t="s">
        <v>258</v>
      </c>
      <c r="B1" s="450"/>
      <c r="C1" s="450"/>
      <c r="D1" s="450"/>
      <c r="E1" s="450"/>
      <c r="F1" s="450"/>
      <c r="G1" s="450"/>
      <c r="H1" s="450"/>
      <c r="I1" s="450"/>
      <c r="J1" s="450"/>
      <c r="K1" s="450"/>
      <c r="L1" s="450"/>
      <c r="M1" s="450"/>
      <c r="N1" s="450"/>
      <c r="O1" s="450"/>
      <c r="P1" s="450"/>
      <c r="Q1" s="450"/>
      <c r="R1" s="450"/>
      <c r="S1" s="450"/>
      <c r="T1" s="450"/>
      <c r="U1" s="450"/>
      <c r="V1" s="450"/>
      <c r="W1" s="450"/>
      <c r="X1" s="450"/>
      <c r="Y1" s="450"/>
      <c r="Z1" s="450"/>
      <c r="AA1" s="450"/>
      <c r="AB1" s="450"/>
      <c r="AC1" s="450"/>
      <c r="AD1" s="450"/>
      <c r="AE1" s="450"/>
      <c r="AF1" s="450"/>
      <c r="AG1" s="450"/>
      <c r="AH1" s="450"/>
      <c r="AI1" s="450"/>
      <c r="AJ1" s="450"/>
      <c r="AK1" s="450"/>
      <c r="AL1" s="450"/>
      <c r="AM1" s="450"/>
      <c r="AN1" s="450"/>
      <c r="AO1" s="450"/>
      <c r="AP1" s="450"/>
      <c r="AQ1" s="450"/>
      <c r="AR1" s="450"/>
      <c r="AS1" s="450"/>
      <c r="AT1" s="450"/>
      <c r="AU1" s="450"/>
      <c r="AV1" s="450"/>
      <c r="AW1" s="450"/>
      <c r="AX1" s="450"/>
      <c r="AY1" s="450"/>
      <c r="AZ1" s="450"/>
      <c r="BA1" s="450"/>
      <c r="BB1" s="450"/>
      <c r="BC1" s="450"/>
      <c r="BD1" s="450"/>
      <c r="BE1" s="450"/>
      <c r="BF1" s="450"/>
      <c r="BG1" s="450"/>
      <c r="BH1" s="450"/>
      <c r="BI1" s="450"/>
      <c r="BJ1" s="450"/>
      <c r="BK1" s="450"/>
      <c r="BL1" s="450"/>
      <c r="BM1" s="450"/>
      <c r="BN1" s="450"/>
    </row>
    <row r="2" spans="1:66" ht="9" customHeight="1">
      <c r="A2" s="191"/>
      <c r="B2" s="191"/>
      <c r="C2" s="191"/>
      <c r="D2" s="191"/>
      <c r="E2" s="191"/>
      <c r="F2" s="191"/>
      <c r="G2" s="191"/>
      <c r="H2" s="191"/>
      <c r="I2" s="191"/>
      <c r="J2" s="191"/>
      <c r="K2" s="191"/>
      <c r="L2" s="191"/>
      <c r="M2" s="191"/>
      <c r="N2" s="191"/>
      <c r="O2" s="191"/>
      <c r="P2" s="191"/>
      <c r="Q2" s="191"/>
      <c r="R2" s="191"/>
      <c r="S2" s="191"/>
      <c r="T2" s="191"/>
      <c r="U2" s="191"/>
      <c r="V2" s="191"/>
      <c r="W2" s="191"/>
      <c r="X2" s="191"/>
      <c r="Y2" s="191"/>
      <c r="Z2" s="191"/>
      <c r="AA2" s="191"/>
      <c r="AB2" s="191"/>
      <c r="AC2" s="191"/>
      <c r="AD2" s="191"/>
      <c r="AE2" s="191"/>
      <c r="AF2" s="191"/>
      <c r="AG2" s="191"/>
      <c r="AH2" s="191"/>
      <c r="AI2" s="191"/>
      <c r="AJ2" s="191"/>
      <c r="AK2" s="191"/>
      <c r="AL2" s="191"/>
      <c r="AM2" s="191"/>
      <c r="AN2" s="191"/>
      <c r="AO2" s="191"/>
      <c r="AP2" s="191"/>
      <c r="AQ2" s="191"/>
      <c r="AR2" s="191"/>
      <c r="AS2" s="191"/>
      <c r="AT2" s="191"/>
      <c r="AU2" s="191"/>
      <c r="AV2" s="191"/>
      <c r="AW2" s="191"/>
      <c r="AX2" s="191"/>
      <c r="AY2" s="191"/>
      <c r="AZ2" s="191"/>
      <c r="BA2" s="191"/>
      <c r="BB2" s="191"/>
      <c r="BC2" s="191"/>
      <c r="BD2" s="191"/>
      <c r="BE2" s="191"/>
      <c r="BF2" s="191"/>
      <c r="BG2" s="191"/>
      <c r="BH2" s="191"/>
      <c r="BI2" s="191"/>
      <c r="BJ2" s="191"/>
      <c r="BK2" s="191"/>
      <c r="BL2" s="191"/>
      <c r="BM2" s="191"/>
      <c r="BN2" s="191"/>
    </row>
    <row r="3" spans="1:66" ht="24.75" customHeight="1">
      <c r="A3" s="451" t="s">
        <v>257</v>
      </c>
      <c r="B3" s="451"/>
      <c r="C3" s="451"/>
      <c r="D3" s="451"/>
      <c r="E3" s="451"/>
      <c r="F3" s="451"/>
      <c r="G3" s="451"/>
      <c r="H3" s="451"/>
      <c r="I3" s="451"/>
      <c r="J3" s="451"/>
      <c r="K3" s="451"/>
      <c r="L3" s="451"/>
      <c r="M3" s="451"/>
      <c r="N3" s="451"/>
      <c r="O3" s="451"/>
      <c r="P3" s="451"/>
      <c r="Q3" s="451"/>
      <c r="R3" s="451"/>
      <c r="S3" s="451"/>
      <c r="T3" s="451"/>
      <c r="U3" s="451"/>
      <c r="V3" s="451"/>
      <c r="W3" s="451"/>
      <c r="X3" s="451"/>
      <c r="Y3" s="451"/>
      <c r="Z3" s="451"/>
      <c r="AA3" s="451"/>
      <c r="AB3" s="451"/>
      <c r="AC3" s="451"/>
      <c r="AD3" s="451"/>
      <c r="AE3" s="451"/>
      <c r="AF3" s="451"/>
      <c r="AG3" s="451"/>
      <c r="AH3" s="451"/>
      <c r="AI3" s="451"/>
      <c r="AJ3" s="451"/>
      <c r="AK3" s="451"/>
      <c r="AL3" s="451"/>
      <c r="AM3" s="451"/>
      <c r="AN3" s="451"/>
      <c r="AO3" s="451"/>
      <c r="AP3" s="451"/>
      <c r="AQ3" s="451"/>
      <c r="AR3" s="451"/>
      <c r="AS3" s="451"/>
      <c r="AT3" s="451"/>
      <c r="AU3" s="451"/>
      <c r="AV3" s="451"/>
      <c r="AW3" s="451"/>
      <c r="AX3" s="451"/>
      <c r="AY3" s="451"/>
      <c r="AZ3" s="451"/>
      <c r="BA3" s="451"/>
      <c r="BB3" s="451"/>
      <c r="BC3" s="451"/>
      <c r="BD3" s="451"/>
      <c r="BE3" s="451"/>
      <c r="BF3" s="451"/>
      <c r="BG3" s="451"/>
      <c r="BH3" s="451"/>
      <c r="BI3" s="451"/>
      <c r="BJ3" s="451"/>
      <c r="BK3" s="451"/>
    </row>
    <row r="4" spans="1:66" ht="15" customHeight="1">
      <c r="B4" s="1"/>
    </row>
    <row r="5" spans="1:66" ht="18" customHeight="1">
      <c r="B5" s="53" t="s">
        <v>223</v>
      </c>
      <c r="AO5" s="102" t="s">
        <v>286</v>
      </c>
      <c r="AR5" s="209"/>
      <c r="AS5" s="209"/>
      <c r="AT5" s="209"/>
      <c r="AU5" s="102" t="s">
        <v>3</v>
      </c>
      <c r="AW5" s="209"/>
      <c r="AX5" s="209"/>
      <c r="AY5" s="209"/>
      <c r="AZ5" s="135" t="s">
        <v>4</v>
      </c>
      <c r="BB5" s="209"/>
      <c r="BC5" s="209"/>
      <c r="BD5" s="209"/>
      <c r="BE5" s="102" t="s">
        <v>5</v>
      </c>
    </row>
    <row r="6" spans="1:66" ht="30" customHeight="1">
      <c r="D6" s="2"/>
      <c r="E6" s="271" t="s">
        <v>7</v>
      </c>
      <c r="F6" s="271"/>
      <c r="G6" s="307" t="s">
        <v>8</v>
      </c>
      <c r="H6" s="307"/>
      <c r="I6" s="307"/>
      <c r="J6" s="307"/>
      <c r="K6" s="307"/>
      <c r="L6" s="307"/>
      <c r="M6" s="307"/>
      <c r="N6" s="307"/>
      <c r="O6" s="307"/>
      <c r="P6" s="307"/>
      <c r="Q6" s="307"/>
      <c r="R6" s="307"/>
      <c r="S6" s="3"/>
      <c r="T6" s="452"/>
      <c r="U6" s="308"/>
      <c r="V6" s="308"/>
      <c r="W6" s="308"/>
      <c r="X6" s="308"/>
      <c r="Y6" s="308"/>
      <c r="Z6" s="308"/>
      <c r="AA6" s="308"/>
      <c r="AB6" s="308"/>
      <c r="AC6" s="308"/>
      <c r="AD6" s="308"/>
      <c r="AE6" s="308"/>
      <c r="AF6" s="308"/>
      <c r="AG6" s="308"/>
      <c r="AH6" s="308"/>
      <c r="AI6" s="308"/>
      <c r="AJ6" s="308"/>
      <c r="AK6" s="308"/>
      <c r="AL6" s="308"/>
      <c r="AM6" s="308"/>
      <c r="AN6" s="308"/>
      <c r="AO6" s="308"/>
      <c r="AP6" s="308"/>
      <c r="AQ6" s="308"/>
      <c r="AR6" s="308"/>
      <c r="AS6" s="308"/>
      <c r="AT6" s="308"/>
      <c r="AU6" s="308"/>
      <c r="AV6" s="308"/>
      <c r="AW6" s="308"/>
      <c r="AX6" s="308"/>
      <c r="AY6" s="308"/>
      <c r="AZ6" s="308"/>
      <c r="BA6" s="308"/>
      <c r="BB6" s="308"/>
      <c r="BC6" s="308"/>
      <c r="BD6" s="308"/>
      <c r="BE6" s="308"/>
      <c r="BF6" s="308"/>
      <c r="BG6" s="308"/>
      <c r="BH6" s="308"/>
      <c r="BI6" s="308"/>
      <c r="BJ6" s="453"/>
    </row>
    <row r="7" spans="1:66" ht="30" customHeight="1">
      <c r="D7" s="4" t="s">
        <v>295</v>
      </c>
      <c r="E7" s="299" t="s">
        <v>296</v>
      </c>
      <c r="F7" s="299"/>
      <c r="G7" s="454" t="s">
        <v>9</v>
      </c>
      <c r="H7" s="454"/>
      <c r="I7" s="454"/>
      <c r="J7" s="454"/>
      <c r="K7" s="454"/>
      <c r="L7" s="454"/>
      <c r="M7" s="454"/>
      <c r="N7" s="454"/>
      <c r="O7" s="454"/>
      <c r="P7" s="454"/>
      <c r="Q7" s="454"/>
      <c r="R7" s="454"/>
      <c r="S7" s="5"/>
      <c r="T7" s="374" t="s">
        <v>297</v>
      </c>
      <c r="U7" s="299"/>
      <c r="V7" s="299"/>
      <c r="W7" s="127"/>
      <c r="X7" s="127"/>
      <c r="Y7" s="127"/>
      <c r="Z7" s="127"/>
      <c r="AA7" s="127"/>
      <c r="AB7" s="127"/>
      <c r="AC7" s="127"/>
      <c r="AD7" s="127"/>
      <c r="AE7" s="127"/>
      <c r="AF7" s="127"/>
      <c r="AG7" s="127"/>
      <c r="AH7" s="127"/>
      <c r="AI7" s="127"/>
      <c r="AJ7" s="127"/>
      <c r="AK7" s="127"/>
      <c r="AL7" s="127"/>
      <c r="AM7" s="127"/>
      <c r="AN7" s="127"/>
      <c r="AO7" s="127"/>
      <c r="AP7" s="127"/>
      <c r="AQ7" s="127"/>
      <c r="AR7" s="127"/>
      <c r="AS7" s="127"/>
      <c r="AT7" s="127"/>
      <c r="AU7" s="127"/>
      <c r="AV7" s="299"/>
      <c r="AW7" s="299"/>
      <c r="AX7" s="299"/>
      <c r="AY7" s="299"/>
      <c r="AZ7" s="299"/>
      <c r="BA7" s="299"/>
      <c r="BB7" s="299"/>
      <c r="BC7" s="299"/>
      <c r="BD7" s="299"/>
      <c r="BE7" s="299"/>
      <c r="BF7" s="299"/>
      <c r="BG7" s="299"/>
      <c r="BH7" s="299"/>
      <c r="BI7" s="299"/>
      <c r="BJ7" s="373"/>
    </row>
    <row r="8" spans="1:66" ht="30" customHeight="1">
      <c r="D8" s="6"/>
      <c r="E8" s="135"/>
      <c r="F8" s="135"/>
      <c r="G8" s="161"/>
      <c r="H8" s="161"/>
      <c r="I8" s="161"/>
      <c r="J8" s="161"/>
      <c r="K8" s="161"/>
      <c r="L8" s="161"/>
      <c r="M8" s="161"/>
      <c r="N8" s="161"/>
      <c r="O8" s="161"/>
      <c r="P8" s="161"/>
      <c r="Q8" s="161"/>
      <c r="R8" s="161"/>
      <c r="S8" s="7"/>
      <c r="T8" s="170"/>
      <c r="U8" s="171"/>
      <c r="V8" s="171"/>
      <c r="W8" s="128"/>
      <c r="X8" s="128"/>
      <c r="Y8" s="128"/>
      <c r="Z8" s="128"/>
      <c r="AA8" s="128"/>
      <c r="AB8" s="128"/>
      <c r="AC8" s="128"/>
      <c r="AD8" s="128"/>
      <c r="AE8" s="128"/>
      <c r="AF8" s="128"/>
      <c r="AG8" s="128"/>
      <c r="AH8" s="128"/>
      <c r="AI8" s="128"/>
      <c r="AJ8" s="128"/>
      <c r="AK8" s="128"/>
      <c r="AL8" s="128"/>
      <c r="AM8" s="128"/>
      <c r="AN8" s="128"/>
      <c r="AO8" s="128"/>
      <c r="AP8" s="128"/>
      <c r="AQ8" s="128"/>
      <c r="AR8" s="128"/>
      <c r="AS8" s="128"/>
      <c r="AT8" s="128"/>
      <c r="AU8" s="128"/>
      <c r="AV8" s="171"/>
      <c r="AW8" s="171"/>
      <c r="AX8" s="171"/>
      <c r="AY8" s="171"/>
      <c r="AZ8" s="171"/>
      <c r="BA8" s="171"/>
      <c r="BB8" s="171"/>
      <c r="BC8" s="171"/>
      <c r="BD8" s="171"/>
      <c r="BE8" s="171"/>
      <c r="BF8" s="171"/>
      <c r="BG8" s="171"/>
      <c r="BH8" s="171"/>
      <c r="BI8" s="171"/>
      <c r="BJ8" s="172"/>
    </row>
    <row r="9" spans="1:66" ht="30" customHeight="1">
      <c r="D9" s="6"/>
      <c r="E9" s="135"/>
      <c r="F9" s="135"/>
      <c r="G9" s="161"/>
      <c r="H9" s="161"/>
      <c r="I9" s="161"/>
      <c r="J9" s="161"/>
      <c r="K9" s="161"/>
      <c r="L9" s="161"/>
      <c r="M9" s="161"/>
      <c r="N9" s="161"/>
      <c r="O9" s="161"/>
      <c r="P9" s="161"/>
      <c r="Q9" s="161"/>
      <c r="R9" s="161"/>
      <c r="S9" s="7"/>
      <c r="T9" s="380" t="s">
        <v>298</v>
      </c>
      <c r="U9" s="377"/>
      <c r="V9" s="427"/>
      <c r="W9" s="186"/>
      <c r="X9" s="187"/>
      <c r="Y9" s="187"/>
      <c r="Z9" s="187"/>
      <c r="AA9" s="187"/>
      <c r="AB9" s="187"/>
      <c r="AC9" s="187"/>
      <c r="AD9" s="187"/>
      <c r="AE9" s="187"/>
      <c r="AF9" s="187"/>
      <c r="AG9" s="187"/>
      <c r="AH9" s="187"/>
      <c r="AI9" s="187"/>
      <c r="AJ9" s="187"/>
      <c r="AK9" s="187"/>
      <c r="AL9" s="187"/>
      <c r="AM9" s="187"/>
      <c r="AN9" s="187"/>
      <c r="AO9" s="188"/>
      <c r="AP9" s="468" t="s">
        <v>290</v>
      </c>
      <c r="AQ9" s="469"/>
      <c r="AR9" s="470"/>
      <c r="AS9" s="186"/>
      <c r="AT9" s="187"/>
      <c r="AU9" s="187"/>
      <c r="AV9" s="176"/>
      <c r="AW9" s="176"/>
      <c r="AX9" s="176"/>
      <c r="AY9" s="176"/>
      <c r="AZ9" s="176"/>
      <c r="BA9" s="176"/>
      <c r="BB9" s="176"/>
      <c r="BC9" s="176"/>
      <c r="BD9" s="176"/>
      <c r="BE9" s="176"/>
      <c r="BF9" s="176"/>
      <c r="BG9" s="176"/>
      <c r="BH9" s="176"/>
      <c r="BI9" s="176"/>
      <c r="BJ9" s="177"/>
    </row>
    <row r="10" spans="1:66" ht="20.100000000000001" customHeight="1">
      <c r="D10" s="6"/>
      <c r="E10" s="135"/>
      <c r="F10" s="135"/>
      <c r="G10" s="161"/>
      <c r="H10" s="161"/>
      <c r="I10" s="161"/>
      <c r="J10" s="161"/>
      <c r="K10" s="161"/>
      <c r="L10" s="161"/>
      <c r="M10" s="161"/>
      <c r="N10" s="161"/>
      <c r="O10" s="161"/>
      <c r="P10" s="161"/>
      <c r="Q10" s="161"/>
      <c r="R10" s="161"/>
      <c r="S10" s="7"/>
      <c r="T10" s="432" t="s">
        <v>14</v>
      </c>
      <c r="U10" s="433"/>
      <c r="V10" s="433"/>
      <c r="W10" s="433"/>
      <c r="X10" s="433"/>
      <c r="Y10" s="433"/>
      <c r="Z10" s="434"/>
      <c r="AA10" s="436"/>
      <c r="AB10" s="436"/>
      <c r="AC10" s="436"/>
      <c r="AD10" s="436"/>
      <c r="AE10" s="436"/>
      <c r="AF10" s="436"/>
      <c r="AG10" s="436"/>
      <c r="AH10" s="436"/>
      <c r="AI10" s="436"/>
      <c r="AJ10" s="436"/>
      <c r="AK10" s="436"/>
      <c r="AL10" s="436"/>
      <c r="AM10" s="438" t="s">
        <v>15</v>
      </c>
      <c r="AN10" s="438"/>
      <c r="AO10" s="440"/>
      <c r="AP10" s="433"/>
      <c r="AQ10" s="433"/>
      <c r="AR10" s="433"/>
      <c r="AS10" s="433"/>
      <c r="AT10" s="433"/>
      <c r="AU10" s="433"/>
      <c r="AV10" s="434"/>
      <c r="AW10" s="438" t="s">
        <v>17</v>
      </c>
      <c r="AX10" s="438"/>
      <c r="AY10" s="443" t="s">
        <v>323</v>
      </c>
      <c r="AZ10" s="443"/>
      <c r="BA10" s="443"/>
      <c r="BB10" s="443"/>
      <c r="BC10" s="444" t="s">
        <v>1</v>
      </c>
      <c r="BD10" s="445"/>
      <c r="BE10" s="445"/>
      <c r="BF10" s="445"/>
      <c r="BG10" s="445"/>
      <c r="BH10" s="445"/>
      <c r="BI10" s="445"/>
      <c r="BJ10" s="446"/>
    </row>
    <row r="11" spans="1:66" ht="20.100000000000001" customHeight="1">
      <c r="D11" s="8"/>
      <c r="E11" s="144"/>
      <c r="F11" s="144"/>
      <c r="G11" s="184"/>
      <c r="H11" s="184"/>
      <c r="I11" s="184"/>
      <c r="J11" s="184"/>
      <c r="K11" s="184"/>
      <c r="L11" s="184"/>
      <c r="M11" s="184"/>
      <c r="N11" s="184"/>
      <c r="O11" s="184"/>
      <c r="P11" s="184"/>
      <c r="Q11" s="184"/>
      <c r="R11" s="184"/>
      <c r="S11" s="9"/>
      <c r="T11" s="330"/>
      <c r="U11" s="247"/>
      <c r="V11" s="247"/>
      <c r="W11" s="247"/>
      <c r="X11" s="247"/>
      <c r="Y11" s="247"/>
      <c r="Z11" s="435"/>
      <c r="AA11" s="437"/>
      <c r="AB11" s="437"/>
      <c r="AC11" s="437"/>
      <c r="AD11" s="437"/>
      <c r="AE11" s="437"/>
      <c r="AF11" s="437"/>
      <c r="AG11" s="437"/>
      <c r="AH11" s="437"/>
      <c r="AI11" s="437"/>
      <c r="AJ11" s="437"/>
      <c r="AK11" s="437"/>
      <c r="AL11" s="437"/>
      <c r="AM11" s="439"/>
      <c r="AN11" s="439"/>
      <c r="AO11" s="278"/>
      <c r="AP11" s="247"/>
      <c r="AQ11" s="247"/>
      <c r="AR11" s="247"/>
      <c r="AS11" s="247"/>
      <c r="AT11" s="247"/>
      <c r="AU11" s="247"/>
      <c r="AV11" s="435"/>
      <c r="AW11" s="439"/>
      <c r="AX11" s="439"/>
      <c r="AY11" s="439" t="s">
        <v>16</v>
      </c>
      <c r="AZ11" s="439"/>
      <c r="BA11" s="439"/>
      <c r="BB11" s="439"/>
      <c r="BC11" s="447" t="s">
        <v>1</v>
      </c>
      <c r="BD11" s="448"/>
      <c r="BE11" s="448"/>
      <c r="BF11" s="448"/>
      <c r="BG11" s="448"/>
      <c r="BH11" s="448"/>
      <c r="BI11" s="448"/>
      <c r="BJ11" s="449"/>
    </row>
    <row r="12" spans="1:66" ht="30" customHeight="1">
      <c r="D12" s="13" t="s">
        <v>6</v>
      </c>
      <c r="E12" s="286" t="s">
        <v>180</v>
      </c>
      <c r="F12" s="286"/>
      <c r="G12" s="421" t="s">
        <v>151</v>
      </c>
      <c r="H12" s="421"/>
      <c r="I12" s="421"/>
      <c r="J12" s="421"/>
      <c r="K12" s="421"/>
      <c r="L12" s="421"/>
      <c r="M12" s="421"/>
      <c r="N12" s="421"/>
      <c r="O12" s="421"/>
      <c r="P12" s="421"/>
      <c r="Q12" s="421"/>
      <c r="R12" s="421"/>
      <c r="S12" s="14"/>
      <c r="T12" s="13"/>
      <c r="U12" s="54" t="s">
        <v>152</v>
      </c>
      <c r="V12" s="54"/>
      <c r="W12" s="54"/>
      <c r="X12" s="54"/>
      <c r="Y12" s="54"/>
      <c r="Z12" s="54"/>
      <c r="AA12" s="54"/>
      <c r="AB12" s="54"/>
      <c r="AC12" s="54"/>
      <c r="AD12" s="54"/>
      <c r="AE12" s="54"/>
      <c r="AF12" s="54"/>
      <c r="AG12" s="54"/>
      <c r="AH12" s="54"/>
      <c r="AI12" s="54"/>
      <c r="AJ12" s="54"/>
      <c r="AK12" s="54"/>
      <c r="AL12" s="54"/>
      <c r="AM12" s="54"/>
      <c r="AN12" s="54"/>
      <c r="AO12" s="54"/>
      <c r="AP12" s="54"/>
      <c r="AQ12" s="54"/>
      <c r="AR12" s="54"/>
      <c r="AS12" s="54"/>
      <c r="AT12" s="54"/>
      <c r="AU12" s="54"/>
      <c r="AV12" s="54"/>
      <c r="AW12" s="54"/>
      <c r="AX12" s="54"/>
      <c r="AY12" s="54"/>
      <c r="AZ12" s="54"/>
      <c r="BA12" s="54"/>
      <c r="BB12" s="54"/>
      <c r="BC12" s="54"/>
      <c r="BD12" s="54"/>
      <c r="BE12" s="54"/>
      <c r="BF12" s="54"/>
      <c r="BG12" s="54"/>
      <c r="BH12" s="54"/>
      <c r="BI12" s="54"/>
      <c r="BJ12" s="14"/>
    </row>
    <row r="13" spans="1:66" ht="30" customHeight="1">
      <c r="D13" s="6" t="s">
        <v>6</v>
      </c>
      <c r="E13" s="209" t="s">
        <v>181</v>
      </c>
      <c r="F13" s="209"/>
      <c r="G13" s="309" t="s">
        <v>18</v>
      </c>
      <c r="H13" s="309"/>
      <c r="I13" s="309"/>
      <c r="J13" s="309"/>
      <c r="K13" s="309"/>
      <c r="L13" s="309"/>
      <c r="M13" s="309"/>
      <c r="N13" s="309"/>
      <c r="O13" s="309"/>
      <c r="P13" s="309"/>
      <c r="Q13" s="309"/>
      <c r="R13" s="309"/>
      <c r="S13" s="7"/>
      <c r="T13" s="441"/>
      <c r="U13" s="310"/>
      <c r="V13" s="310"/>
      <c r="W13" s="310"/>
      <c r="X13" s="310"/>
      <c r="Y13" s="310"/>
      <c r="Z13" s="310"/>
      <c r="AA13" s="310"/>
      <c r="AB13" s="310"/>
      <c r="AC13" s="310"/>
      <c r="AD13" s="310"/>
      <c r="AE13" s="310"/>
      <c r="AF13" s="310"/>
      <c r="AG13" s="310"/>
      <c r="AH13" s="310"/>
      <c r="AI13" s="310"/>
      <c r="AJ13" s="310"/>
      <c r="AK13" s="310"/>
      <c r="AL13" s="310"/>
      <c r="AM13" s="310"/>
      <c r="AN13" s="310"/>
      <c r="AO13" s="310"/>
      <c r="AP13" s="310"/>
      <c r="AQ13" s="310"/>
      <c r="AR13" s="310"/>
      <c r="AS13" s="310"/>
      <c r="AT13" s="310"/>
      <c r="AU13" s="310"/>
      <c r="AV13" s="310"/>
      <c r="AW13" s="310"/>
      <c r="AX13" s="310"/>
      <c r="AY13" s="310"/>
      <c r="AZ13" s="310"/>
      <c r="BA13" s="310"/>
      <c r="BB13" s="310"/>
      <c r="BC13" s="310"/>
      <c r="BD13" s="310"/>
      <c r="BE13" s="310"/>
      <c r="BF13" s="310"/>
      <c r="BG13" s="310"/>
      <c r="BH13" s="310"/>
      <c r="BI13" s="310"/>
      <c r="BJ13" s="442"/>
    </row>
    <row r="14" spans="1:66" ht="30" customHeight="1">
      <c r="D14" s="10" t="s">
        <v>300</v>
      </c>
      <c r="E14" s="286" t="s">
        <v>182</v>
      </c>
      <c r="F14" s="286"/>
      <c r="G14" s="421" t="s">
        <v>10</v>
      </c>
      <c r="H14" s="421"/>
      <c r="I14" s="421"/>
      <c r="J14" s="421"/>
      <c r="K14" s="421"/>
      <c r="L14" s="421"/>
      <c r="M14" s="421"/>
      <c r="N14" s="421"/>
      <c r="O14" s="421"/>
      <c r="P14" s="421"/>
      <c r="Q14" s="421"/>
      <c r="R14" s="421"/>
      <c r="S14" s="103"/>
      <c r="T14" s="473" t="s">
        <v>297</v>
      </c>
      <c r="U14" s="424"/>
      <c r="V14" s="424"/>
      <c r="W14" s="424"/>
      <c r="X14" s="424"/>
      <c r="Y14" s="424"/>
      <c r="Z14" s="424"/>
      <c r="AA14" s="424"/>
      <c r="AB14" s="424"/>
      <c r="AC14" s="424"/>
      <c r="AD14" s="424"/>
      <c r="AE14" s="424"/>
      <c r="AF14" s="424"/>
      <c r="AG14" s="424"/>
      <c r="AH14" s="424"/>
      <c r="AI14" s="424"/>
      <c r="AJ14" s="424"/>
      <c r="AK14" s="424"/>
      <c r="AL14" s="424"/>
      <c r="AM14" s="424"/>
      <c r="AN14" s="424"/>
      <c r="AO14" s="424"/>
      <c r="AP14" s="424"/>
      <c r="AQ14" s="424"/>
      <c r="AR14" s="424"/>
      <c r="AS14" s="424"/>
      <c r="AT14" s="424"/>
      <c r="AU14" s="425"/>
      <c r="AV14" s="426" t="s">
        <v>298</v>
      </c>
      <c r="AW14" s="286"/>
      <c r="AX14" s="422"/>
      <c r="AY14" s="426"/>
      <c r="AZ14" s="286"/>
      <c r="BA14" s="286"/>
      <c r="BB14" s="286"/>
      <c r="BC14" s="286"/>
      <c r="BD14" s="286"/>
      <c r="BE14" s="286"/>
      <c r="BF14" s="286"/>
      <c r="BG14" s="286"/>
      <c r="BH14" s="286"/>
      <c r="BI14" s="286"/>
      <c r="BJ14" s="394"/>
    </row>
    <row r="15" spans="1:66" ht="30" customHeight="1">
      <c r="D15" s="11" t="s">
        <v>299</v>
      </c>
      <c r="E15" s="377" t="s">
        <v>183</v>
      </c>
      <c r="F15" s="377"/>
      <c r="G15" s="419" t="s">
        <v>301</v>
      </c>
      <c r="H15" s="419"/>
      <c r="I15" s="419"/>
      <c r="J15" s="419"/>
      <c r="K15" s="419"/>
      <c r="L15" s="419"/>
      <c r="M15" s="419"/>
      <c r="N15" s="419"/>
      <c r="O15" s="419"/>
      <c r="P15" s="419"/>
      <c r="Q15" s="419"/>
      <c r="R15" s="419"/>
      <c r="S15" s="12"/>
      <c r="T15" s="380" t="s">
        <v>19</v>
      </c>
      <c r="U15" s="377"/>
      <c r="V15" s="377"/>
      <c r="W15" s="377"/>
      <c r="X15" s="377"/>
      <c r="Y15" s="427"/>
      <c r="Z15" s="428"/>
      <c r="AA15" s="429"/>
      <c r="AB15" s="429"/>
      <c r="AC15" s="429"/>
      <c r="AD15" s="429"/>
      <c r="AE15" s="429"/>
      <c r="AF15" s="429"/>
      <c r="AG15" s="429"/>
      <c r="AH15" s="429"/>
      <c r="AI15" s="429"/>
      <c r="AJ15" s="429"/>
      <c r="AK15" s="429"/>
      <c r="AL15" s="429"/>
      <c r="AM15" s="429"/>
      <c r="AN15" s="429"/>
      <c r="AO15" s="430"/>
      <c r="AP15" s="431" t="s">
        <v>20</v>
      </c>
      <c r="AQ15" s="377"/>
      <c r="AR15" s="377"/>
      <c r="AS15" s="377"/>
      <c r="AT15" s="377"/>
      <c r="AU15" s="427"/>
      <c r="AV15" s="431"/>
      <c r="AW15" s="377"/>
      <c r="AX15" s="377"/>
      <c r="AY15" s="377"/>
      <c r="AZ15" s="377"/>
      <c r="BA15" s="377"/>
      <c r="BB15" s="377"/>
      <c r="BC15" s="377"/>
      <c r="BD15" s="377"/>
      <c r="BE15" s="377"/>
      <c r="BF15" s="377"/>
      <c r="BG15" s="377"/>
      <c r="BH15" s="377"/>
      <c r="BI15" s="377"/>
      <c r="BJ15" s="378"/>
    </row>
    <row r="16" spans="1:66" ht="30" customHeight="1">
      <c r="D16" s="13" t="s">
        <v>299</v>
      </c>
      <c r="E16" s="286" t="s">
        <v>184</v>
      </c>
      <c r="F16" s="286"/>
      <c r="G16" s="421" t="s">
        <v>324</v>
      </c>
      <c r="H16" s="421"/>
      <c r="I16" s="421"/>
      <c r="J16" s="421"/>
      <c r="K16" s="421"/>
      <c r="L16" s="421"/>
      <c r="M16" s="421"/>
      <c r="N16" s="421"/>
      <c r="O16" s="421"/>
      <c r="P16" s="421"/>
      <c r="Q16" s="421"/>
      <c r="R16" s="421"/>
      <c r="S16" s="14"/>
      <c r="T16" s="393" t="s">
        <v>19</v>
      </c>
      <c r="U16" s="286"/>
      <c r="V16" s="286"/>
      <c r="W16" s="286"/>
      <c r="X16" s="286"/>
      <c r="Y16" s="422"/>
      <c r="Z16" s="423"/>
      <c r="AA16" s="424"/>
      <c r="AB16" s="424"/>
      <c r="AC16" s="424"/>
      <c r="AD16" s="424"/>
      <c r="AE16" s="424"/>
      <c r="AF16" s="424"/>
      <c r="AG16" s="424"/>
      <c r="AH16" s="424"/>
      <c r="AI16" s="424"/>
      <c r="AJ16" s="424"/>
      <c r="AK16" s="424"/>
      <c r="AL16" s="424"/>
      <c r="AM16" s="424"/>
      <c r="AN16" s="424"/>
      <c r="AO16" s="425"/>
      <c r="AP16" s="426" t="s">
        <v>20</v>
      </c>
      <c r="AQ16" s="286"/>
      <c r="AR16" s="286"/>
      <c r="AS16" s="286"/>
      <c r="AT16" s="286"/>
      <c r="AU16" s="422"/>
      <c r="AV16" s="426"/>
      <c r="AW16" s="286"/>
      <c r="AX16" s="286"/>
      <c r="AY16" s="286"/>
      <c r="AZ16" s="286"/>
      <c r="BA16" s="286"/>
      <c r="BB16" s="286"/>
      <c r="BC16" s="286"/>
      <c r="BD16" s="286"/>
      <c r="BE16" s="286"/>
      <c r="BF16" s="286"/>
      <c r="BG16" s="286"/>
      <c r="BH16" s="286"/>
      <c r="BI16" s="286"/>
      <c r="BJ16" s="394"/>
    </row>
    <row r="17" spans="4:76" ht="30" customHeight="1">
      <c r="D17" s="11" t="s">
        <v>299</v>
      </c>
      <c r="E17" s="377" t="s">
        <v>185</v>
      </c>
      <c r="F17" s="377"/>
      <c r="G17" s="419" t="s">
        <v>291</v>
      </c>
      <c r="H17" s="419"/>
      <c r="I17" s="419"/>
      <c r="J17" s="419"/>
      <c r="K17" s="419"/>
      <c r="L17" s="419"/>
      <c r="M17" s="419"/>
      <c r="N17" s="419"/>
      <c r="O17" s="419"/>
      <c r="P17" s="419"/>
      <c r="Q17" s="419"/>
      <c r="R17" s="419"/>
      <c r="S17" s="12"/>
      <c r="T17" s="472" t="s">
        <v>297</v>
      </c>
      <c r="U17" s="429"/>
      <c r="V17" s="429"/>
      <c r="W17" s="429"/>
      <c r="X17" s="429"/>
      <c r="Y17" s="429"/>
      <c r="Z17" s="429"/>
      <c r="AA17" s="429"/>
      <c r="AB17" s="429"/>
      <c r="AC17" s="429"/>
      <c r="AD17" s="429"/>
      <c r="AE17" s="429"/>
      <c r="AF17" s="429"/>
      <c r="AG17" s="429"/>
      <c r="AH17" s="429"/>
      <c r="AI17" s="429"/>
      <c r="AJ17" s="429"/>
      <c r="AK17" s="429"/>
      <c r="AL17" s="429"/>
      <c r="AM17" s="429"/>
      <c r="AN17" s="429"/>
      <c r="AO17" s="429"/>
      <c r="AP17" s="429"/>
      <c r="AQ17" s="429"/>
      <c r="AR17" s="429"/>
      <c r="AS17" s="429"/>
      <c r="AT17" s="429"/>
      <c r="AU17" s="430"/>
      <c r="AV17" s="431" t="s">
        <v>298</v>
      </c>
      <c r="AW17" s="377"/>
      <c r="AX17" s="427"/>
      <c r="AY17" s="431"/>
      <c r="AZ17" s="377"/>
      <c r="BA17" s="377"/>
      <c r="BB17" s="377"/>
      <c r="BC17" s="377"/>
      <c r="BD17" s="377"/>
      <c r="BE17" s="377"/>
      <c r="BF17" s="377"/>
      <c r="BG17" s="377"/>
      <c r="BH17" s="377"/>
      <c r="BI17" s="377"/>
      <c r="BJ17" s="378"/>
    </row>
    <row r="18" spans="4:76" ht="30" customHeight="1">
      <c r="D18" s="8" t="s">
        <v>6</v>
      </c>
      <c r="E18" s="247" t="s">
        <v>186</v>
      </c>
      <c r="F18" s="247"/>
      <c r="G18" s="420" t="s">
        <v>11</v>
      </c>
      <c r="H18" s="420"/>
      <c r="I18" s="420"/>
      <c r="J18" s="420"/>
      <c r="K18" s="420"/>
      <c r="L18" s="420"/>
      <c r="M18" s="420"/>
      <c r="N18" s="420"/>
      <c r="O18" s="420"/>
      <c r="P18" s="420"/>
      <c r="Q18" s="420"/>
      <c r="R18" s="420"/>
      <c r="S18" s="9"/>
      <c r="U18" s="280" t="s">
        <v>287</v>
      </c>
      <c r="V18" s="280"/>
      <c r="W18" s="280"/>
      <c r="X18" s="273"/>
      <c r="Y18" s="273"/>
      <c r="Z18" s="273"/>
      <c r="AA18" s="35" t="s">
        <v>3</v>
      </c>
      <c r="AB18" s="35"/>
      <c r="AC18" s="273"/>
      <c r="AD18" s="273"/>
      <c r="AE18" s="273"/>
      <c r="AF18" s="148" t="s">
        <v>4</v>
      </c>
      <c r="AG18" s="35"/>
      <c r="AH18" s="273"/>
      <c r="AI18" s="273"/>
      <c r="AJ18" s="273"/>
      <c r="AK18" s="102" t="s">
        <v>21</v>
      </c>
      <c r="AL18" s="161"/>
      <c r="AM18" s="161"/>
      <c r="AN18" s="161"/>
      <c r="AO18" s="161"/>
      <c r="AP18" s="161"/>
      <c r="AQ18" s="161"/>
      <c r="AR18" s="416" t="s">
        <v>288</v>
      </c>
      <c r="AS18" s="416"/>
      <c r="AT18" s="416"/>
      <c r="AU18" s="416"/>
      <c r="AV18" s="416"/>
      <c r="AW18" s="416"/>
      <c r="AX18" s="416"/>
      <c r="AY18" s="416"/>
      <c r="AZ18" s="416"/>
      <c r="BA18" s="416"/>
      <c r="BB18" s="416"/>
      <c r="BC18" s="416"/>
      <c r="BD18" s="416"/>
      <c r="BE18" s="416"/>
      <c r="BF18" s="416"/>
      <c r="BG18" s="416"/>
      <c r="BH18" s="416"/>
      <c r="BI18" s="416"/>
      <c r="BJ18" s="417"/>
    </row>
    <row r="19" spans="4:76" ht="20.100000000000001" customHeight="1">
      <c r="D19" s="2" t="s">
        <v>6</v>
      </c>
      <c r="E19" s="271" t="s">
        <v>187</v>
      </c>
      <c r="F19" s="271"/>
      <c r="G19" s="307" t="s">
        <v>12</v>
      </c>
      <c r="H19" s="307"/>
      <c r="I19" s="307"/>
      <c r="J19" s="307"/>
      <c r="K19" s="307"/>
      <c r="L19" s="307"/>
      <c r="M19" s="307"/>
      <c r="N19" s="307"/>
      <c r="O19" s="307"/>
      <c r="P19" s="307"/>
      <c r="Q19" s="307"/>
      <c r="R19" s="307"/>
      <c r="S19" s="3"/>
      <c r="T19" s="99"/>
      <c r="U19" s="271" t="s">
        <v>22</v>
      </c>
      <c r="V19" s="271"/>
      <c r="W19" s="271" t="s">
        <v>23</v>
      </c>
      <c r="X19" s="271"/>
      <c r="Y19" s="271"/>
      <c r="Z19" s="271"/>
      <c r="AA19" s="271"/>
      <c r="AB19" s="271"/>
      <c r="AC19" s="271"/>
      <c r="AD19" s="271"/>
      <c r="AE19" s="271"/>
      <c r="AF19" s="271"/>
      <c r="AG19" s="418" t="s">
        <v>24</v>
      </c>
      <c r="AH19" s="418"/>
      <c r="AI19" s="418"/>
      <c r="AJ19" s="418"/>
      <c r="AK19" s="418"/>
      <c r="AL19" s="418"/>
      <c r="AM19" s="271" t="s">
        <v>25</v>
      </c>
      <c r="AN19" s="271"/>
      <c r="AO19" s="271"/>
      <c r="AP19" s="271"/>
      <c r="AQ19" s="271"/>
      <c r="AR19" s="271"/>
      <c r="AS19" s="271"/>
      <c r="AT19" s="271"/>
      <c r="AU19" s="271"/>
      <c r="AV19" s="271"/>
      <c r="AW19" s="99"/>
      <c r="AX19" s="99"/>
      <c r="BA19" s="44"/>
      <c r="BC19" s="209" t="s">
        <v>27</v>
      </c>
      <c r="BD19" s="209"/>
      <c r="BF19" s="209"/>
      <c r="BG19" s="209"/>
      <c r="BJ19" s="7"/>
    </row>
    <row r="20" spans="4:76" ht="20.100000000000001" customHeight="1">
      <c r="D20" s="8"/>
      <c r="E20" s="144"/>
      <c r="F20" s="144"/>
      <c r="G20" s="184"/>
      <c r="H20" s="184"/>
      <c r="I20" s="184"/>
      <c r="J20" s="184"/>
      <c r="K20" s="184"/>
      <c r="L20" s="184"/>
      <c r="M20" s="184"/>
      <c r="N20" s="184"/>
      <c r="O20" s="184"/>
      <c r="P20" s="184"/>
      <c r="Q20" s="184"/>
      <c r="R20" s="184"/>
      <c r="S20" s="9"/>
      <c r="T20" s="144"/>
      <c r="U20" s="247"/>
      <c r="V20" s="247"/>
      <c r="W20" s="144"/>
      <c r="X20" s="144"/>
      <c r="Y20" s="144"/>
      <c r="Z20" s="144"/>
      <c r="AA20" s="144"/>
      <c r="AB20" s="144"/>
      <c r="AC20" s="144"/>
      <c r="AD20" s="144"/>
      <c r="AE20" s="144"/>
      <c r="AF20" s="144"/>
      <c r="AG20" s="306" t="s">
        <v>26</v>
      </c>
      <c r="AH20" s="306"/>
      <c r="AI20" s="306"/>
      <c r="AJ20" s="306"/>
      <c r="AK20" s="306"/>
      <c r="AL20" s="306"/>
      <c r="AM20" s="306"/>
      <c r="AN20" s="306"/>
      <c r="AO20" s="306"/>
      <c r="AP20" s="306"/>
      <c r="AQ20" s="412" t="s">
        <v>24</v>
      </c>
      <c r="AR20" s="412"/>
      <c r="AS20" s="412"/>
      <c r="AT20" s="412"/>
      <c r="AU20" s="412"/>
      <c r="AV20" s="412"/>
      <c r="AW20" s="412"/>
      <c r="AX20" s="144" t="s">
        <v>28</v>
      </c>
      <c r="AY20" s="144"/>
      <c r="AZ20" s="144"/>
      <c r="BA20" s="151"/>
      <c r="BB20" s="144"/>
      <c r="BC20" s="247"/>
      <c r="BD20" s="247"/>
      <c r="BE20" s="159"/>
      <c r="BF20" s="159"/>
      <c r="BG20" s="159"/>
      <c r="BH20" s="182"/>
      <c r="BI20" s="182"/>
      <c r="BJ20" s="15"/>
      <c r="BK20" s="93"/>
      <c r="BM20" s="135"/>
      <c r="BN20" s="135"/>
    </row>
    <row r="21" spans="4:76" ht="28.5" customHeight="1">
      <c r="D21" s="6" t="s">
        <v>6</v>
      </c>
      <c r="E21" s="209" t="s">
        <v>188</v>
      </c>
      <c r="F21" s="209"/>
      <c r="G21" s="413" t="s">
        <v>13</v>
      </c>
      <c r="H21" s="309"/>
      <c r="I21" s="309"/>
      <c r="J21" s="309"/>
      <c r="K21" s="309"/>
      <c r="L21" s="309"/>
      <c r="M21" s="309"/>
      <c r="N21" s="309"/>
      <c r="O21" s="309"/>
      <c r="P21" s="309"/>
      <c r="Q21" s="309"/>
      <c r="R21" s="309"/>
      <c r="S21" s="7"/>
      <c r="T21" s="393" t="s">
        <v>32</v>
      </c>
      <c r="U21" s="286"/>
      <c r="V21" s="286"/>
      <c r="W21" s="286"/>
      <c r="X21" s="286"/>
      <c r="Y21" s="286"/>
      <c r="Z21" s="286"/>
      <c r="AA21" s="286"/>
      <c r="AB21" s="286"/>
      <c r="AC21" s="286"/>
      <c r="AD21" s="286"/>
      <c r="AE21" s="286"/>
      <c r="AF21" s="286"/>
      <c r="AG21" s="414"/>
      <c r="AH21" s="415" t="s">
        <v>35</v>
      </c>
      <c r="AI21" s="286"/>
      <c r="AJ21" s="286"/>
      <c r="AK21" s="286"/>
      <c r="AL21" s="286"/>
      <c r="AM21" s="286"/>
      <c r="AN21" s="286"/>
      <c r="AO21" s="286"/>
      <c r="AP21" s="286"/>
      <c r="AQ21" s="286"/>
      <c r="AR21" s="286"/>
      <c r="AS21" s="286"/>
      <c r="AT21" s="286"/>
      <c r="AU21" s="286"/>
      <c r="AV21" s="414"/>
      <c r="AW21" s="415" t="s">
        <v>36</v>
      </c>
      <c r="AX21" s="286"/>
      <c r="AY21" s="286"/>
      <c r="AZ21" s="286"/>
      <c r="BA21" s="286"/>
      <c r="BB21" s="286"/>
      <c r="BC21" s="286"/>
      <c r="BD21" s="286"/>
      <c r="BE21" s="286"/>
      <c r="BF21" s="286"/>
      <c r="BG21" s="286"/>
      <c r="BH21" s="286"/>
      <c r="BI21" s="286"/>
      <c r="BJ21" s="394"/>
    </row>
    <row r="22" spans="4:76" ht="28.5" customHeight="1">
      <c r="D22" s="6"/>
      <c r="E22" s="135"/>
      <c r="F22" s="135"/>
      <c r="G22" s="183"/>
      <c r="H22" s="411" t="s">
        <v>29</v>
      </c>
      <c r="I22" s="375"/>
      <c r="J22" s="375"/>
      <c r="K22" s="375"/>
      <c r="L22" s="375"/>
      <c r="M22" s="375"/>
      <c r="N22" s="375"/>
      <c r="O22" s="375"/>
      <c r="P22" s="375"/>
      <c r="Q22" s="375"/>
      <c r="R22" s="375"/>
      <c r="S22" s="376"/>
      <c r="T22" s="10"/>
      <c r="U22" s="375"/>
      <c r="V22" s="375"/>
      <c r="W22" s="175" t="s">
        <v>33</v>
      </c>
      <c r="X22" s="375"/>
      <c r="Y22" s="375"/>
      <c r="Z22" s="375" t="s">
        <v>34</v>
      </c>
      <c r="AA22" s="375"/>
      <c r="AB22" s="375"/>
      <c r="AC22" s="375"/>
      <c r="AD22" s="175" t="s">
        <v>33</v>
      </c>
      <c r="AE22" s="375"/>
      <c r="AF22" s="375"/>
      <c r="AG22" s="16"/>
      <c r="AH22" s="17"/>
      <c r="AI22" s="375"/>
      <c r="AJ22" s="375"/>
      <c r="AK22" s="175" t="s">
        <v>33</v>
      </c>
      <c r="AL22" s="375"/>
      <c r="AM22" s="375"/>
      <c r="AN22" s="375" t="s">
        <v>34</v>
      </c>
      <c r="AO22" s="375"/>
      <c r="AP22" s="375"/>
      <c r="AQ22" s="375"/>
      <c r="AR22" s="175" t="s">
        <v>33</v>
      </c>
      <c r="AS22" s="375"/>
      <c r="AT22" s="375"/>
      <c r="AU22" s="17"/>
      <c r="AV22" s="16"/>
      <c r="AW22" s="411"/>
      <c r="AX22" s="375"/>
      <c r="AY22" s="375"/>
      <c r="AZ22" s="375"/>
      <c r="BA22" s="375"/>
      <c r="BB22" s="375"/>
      <c r="BC22" s="375"/>
      <c r="BD22" s="375"/>
      <c r="BE22" s="375"/>
      <c r="BF22" s="375"/>
      <c r="BG22" s="375"/>
      <c r="BH22" s="375"/>
      <c r="BI22" s="375"/>
      <c r="BJ22" s="376"/>
    </row>
    <row r="23" spans="4:76" ht="28.5" customHeight="1">
      <c r="D23" s="6"/>
      <c r="E23" s="135"/>
      <c r="F23" s="135"/>
      <c r="G23" s="183"/>
      <c r="H23" s="411" t="s">
        <v>30</v>
      </c>
      <c r="I23" s="375"/>
      <c r="J23" s="375"/>
      <c r="K23" s="375"/>
      <c r="L23" s="375"/>
      <c r="M23" s="375"/>
      <c r="N23" s="375"/>
      <c r="O23" s="375"/>
      <c r="P23" s="375"/>
      <c r="Q23" s="375"/>
      <c r="R23" s="375"/>
      <c r="S23" s="376"/>
      <c r="T23" s="10"/>
      <c r="U23" s="375"/>
      <c r="V23" s="375"/>
      <c r="W23" s="175" t="s">
        <v>33</v>
      </c>
      <c r="X23" s="375"/>
      <c r="Y23" s="375"/>
      <c r="Z23" s="375" t="s">
        <v>34</v>
      </c>
      <c r="AA23" s="375"/>
      <c r="AB23" s="375"/>
      <c r="AC23" s="375"/>
      <c r="AD23" s="175" t="s">
        <v>33</v>
      </c>
      <c r="AE23" s="375"/>
      <c r="AF23" s="375"/>
      <c r="AG23" s="16"/>
      <c r="AH23" s="17"/>
      <c r="AI23" s="375"/>
      <c r="AJ23" s="375"/>
      <c r="AK23" s="175" t="s">
        <v>33</v>
      </c>
      <c r="AL23" s="375"/>
      <c r="AM23" s="375"/>
      <c r="AN23" s="375" t="s">
        <v>34</v>
      </c>
      <c r="AO23" s="375"/>
      <c r="AP23" s="375"/>
      <c r="AQ23" s="375"/>
      <c r="AR23" s="175" t="s">
        <v>33</v>
      </c>
      <c r="AS23" s="375"/>
      <c r="AT23" s="375"/>
      <c r="AU23" s="17"/>
      <c r="AV23" s="16"/>
      <c r="AW23" s="411"/>
      <c r="AX23" s="375"/>
      <c r="AY23" s="375"/>
      <c r="AZ23" s="375"/>
      <c r="BA23" s="375"/>
      <c r="BB23" s="375"/>
      <c r="BC23" s="375"/>
      <c r="BD23" s="375"/>
      <c r="BE23" s="375"/>
      <c r="BF23" s="375"/>
      <c r="BG23" s="375"/>
      <c r="BH23" s="375"/>
      <c r="BI23" s="375"/>
      <c r="BJ23" s="376"/>
    </row>
    <row r="24" spans="4:76" ht="28.5" customHeight="1">
      <c r="D24" s="8"/>
      <c r="E24" s="144"/>
      <c r="F24" s="144"/>
      <c r="G24" s="18"/>
      <c r="H24" s="410" t="s">
        <v>31</v>
      </c>
      <c r="I24" s="377"/>
      <c r="J24" s="377"/>
      <c r="K24" s="377"/>
      <c r="L24" s="377"/>
      <c r="M24" s="377"/>
      <c r="N24" s="377"/>
      <c r="O24" s="377"/>
      <c r="P24" s="377"/>
      <c r="Q24" s="377"/>
      <c r="R24" s="377"/>
      <c r="S24" s="378"/>
      <c r="T24" s="11"/>
      <c r="U24" s="377"/>
      <c r="V24" s="377"/>
      <c r="W24" s="176" t="s">
        <v>33</v>
      </c>
      <c r="X24" s="377"/>
      <c r="Y24" s="377"/>
      <c r="Z24" s="377" t="s">
        <v>34</v>
      </c>
      <c r="AA24" s="377"/>
      <c r="AB24" s="377"/>
      <c r="AC24" s="377"/>
      <c r="AD24" s="176" t="s">
        <v>33</v>
      </c>
      <c r="AE24" s="377"/>
      <c r="AF24" s="377"/>
      <c r="AG24" s="19"/>
      <c r="AH24" s="20"/>
      <c r="AI24" s="377"/>
      <c r="AJ24" s="377"/>
      <c r="AK24" s="176" t="s">
        <v>33</v>
      </c>
      <c r="AL24" s="377"/>
      <c r="AM24" s="377"/>
      <c r="AN24" s="377" t="s">
        <v>34</v>
      </c>
      <c r="AO24" s="377"/>
      <c r="AP24" s="377"/>
      <c r="AQ24" s="377"/>
      <c r="AR24" s="176" t="s">
        <v>33</v>
      </c>
      <c r="AS24" s="377"/>
      <c r="AT24" s="377"/>
      <c r="AU24" s="20"/>
      <c r="AV24" s="19"/>
      <c r="AW24" s="410"/>
      <c r="AX24" s="377"/>
      <c r="AY24" s="377"/>
      <c r="AZ24" s="377"/>
      <c r="BA24" s="377"/>
      <c r="BB24" s="377"/>
      <c r="BC24" s="377"/>
      <c r="BD24" s="377"/>
      <c r="BE24" s="377"/>
      <c r="BF24" s="377"/>
      <c r="BG24" s="377"/>
      <c r="BH24" s="377"/>
      <c r="BI24" s="377"/>
      <c r="BJ24" s="378"/>
    </row>
    <row r="25" spans="4:76" ht="28.5" customHeight="1">
      <c r="D25" s="6" t="s">
        <v>6</v>
      </c>
      <c r="E25" s="407" t="s">
        <v>189</v>
      </c>
      <c r="F25" s="407"/>
      <c r="G25" s="210" t="s">
        <v>37</v>
      </c>
      <c r="H25" s="210"/>
      <c r="I25" s="210"/>
      <c r="J25" s="210"/>
      <c r="K25" s="210"/>
      <c r="L25" s="210"/>
      <c r="M25" s="210"/>
      <c r="N25" s="210"/>
      <c r="O25" s="210"/>
      <c r="P25" s="210"/>
      <c r="Q25" s="210"/>
      <c r="R25" s="210"/>
      <c r="T25" s="164"/>
      <c r="U25" s="135" t="s">
        <v>0</v>
      </c>
      <c r="V25" s="102" t="s">
        <v>220</v>
      </c>
      <c r="AF25" s="102" t="s">
        <v>57</v>
      </c>
      <c r="AM25" s="99"/>
      <c r="AN25" s="99"/>
      <c r="AO25" s="102" t="s">
        <v>43</v>
      </c>
      <c r="AP25" s="99"/>
      <c r="AQ25" s="99"/>
      <c r="AS25" s="102" t="s">
        <v>34</v>
      </c>
      <c r="AU25" s="99"/>
      <c r="AV25" s="99"/>
      <c r="AW25" s="102" t="s">
        <v>58</v>
      </c>
      <c r="AZ25" s="21" t="s">
        <v>44</v>
      </c>
      <c r="BA25" s="41"/>
      <c r="BB25" s="22"/>
      <c r="BC25" s="408" t="s">
        <v>98</v>
      </c>
      <c r="BD25" s="408"/>
      <c r="BE25" s="408"/>
      <c r="BF25" s="408"/>
      <c r="BG25" s="408"/>
      <c r="BH25" s="408"/>
      <c r="BI25" s="408"/>
      <c r="BJ25" s="409"/>
    </row>
    <row r="26" spans="4:76" ht="28.5" customHeight="1">
      <c r="D26" s="6" t="s">
        <v>6</v>
      </c>
      <c r="E26" s="209"/>
      <c r="F26" s="209"/>
      <c r="G26" s="210"/>
      <c r="H26" s="210"/>
      <c r="I26" s="210"/>
      <c r="J26" s="210"/>
      <c r="K26" s="210"/>
      <c r="L26" s="210"/>
      <c r="M26" s="210"/>
      <c r="N26" s="210"/>
      <c r="O26" s="210"/>
      <c r="P26" s="210"/>
      <c r="Q26" s="210"/>
      <c r="R26" s="210"/>
      <c r="T26" s="6"/>
      <c r="U26" s="135" t="s">
        <v>0</v>
      </c>
      <c r="V26" s="102" t="s">
        <v>50</v>
      </c>
      <c r="AF26" s="162" t="s">
        <v>41</v>
      </c>
      <c r="AI26" s="102" t="s">
        <v>42</v>
      </c>
      <c r="AO26" s="102" t="s">
        <v>43</v>
      </c>
      <c r="AS26" s="102" t="s">
        <v>34</v>
      </c>
      <c r="AW26" s="102" t="s">
        <v>58</v>
      </c>
      <c r="AZ26" s="45"/>
      <c r="BA26" s="1"/>
      <c r="BB26" s="23"/>
      <c r="BC26" s="333"/>
      <c r="BD26" s="333"/>
      <c r="BE26" s="333"/>
      <c r="BF26" s="333"/>
      <c r="BG26" s="333"/>
      <c r="BH26" s="333"/>
      <c r="BI26" s="333"/>
      <c r="BJ26" s="334"/>
      <c r="BK26" s="139"/>
      <c r="BL26" s="139"/>
      <c r="BU26" s="139"/>
      <c r="BV26" s="139"/>
      <c r="BW26" s="139"/>
    </row>
    <row r="27" spans="4:76" ht="28.5" customHeight="1">
      <c r="D27" s="6" t="s">
        <v>6</v>
      </c>
      <c r="E27" s="209"/>
      <c r="F27" s="209"/>
      <c r="G27" s="309"/>
      <c r="H27" s="309"/>
      <c r="I27" s="309"/>
      <c r="J27" s="309"/>
      <c r="K27" s="309"/>
      <c r="L27" s="309"/>
      <c r="M27" s="309"/>
      <c r="N27" s="309"/>
      <c r="O27" s="309"/>
      <c r="P27" s="309"/>
      <c r="Q27" s="309"/>
      <c r="R27" s="309"/>
      <c r="T27" s="169"/>
      <c r="U27" s="135" t="s">
        <v>0</v>
      </c>
      <c r="V27" s="162" t="s">
        <v>38</v>
      </c>
      <c r="W27" s="136"/>
      <c r="X27" s="136"/>
      <c r="Y27" s="136"/>
      <c r="Z27" s="136"/>
      <c r="AA27" s="136"/>
      <c r="AB27" s="136"/>
      <c r="AC27" s="136"/>
      <c r="AD27" s="136"/>
      <c r="AE27" s="136"/>
      <c r="AF27" s="162" t="s">
        <v>41</v>
      </c>
      <c r="AG27" s="136"/>
      <c r="AH27" s="136"/>
      <c r="AI27" s="102" t="s">
        <v>42</v>
      </c>
      <c r="AJ27" s="136"/>
      <c r="AK27" s="136"/>
      <c r="AL27" s="136"/>
      <c r="AO27" s="102" t="s">
        <v>43</v>
      </c>
      <c r="AR27" s="136"/>
      <c r="AS27" s="102" t="s">
        <v>34</v>
      </c>
      <c r="AT27" s="136"/>
      <c r="AW27" s="102" t="s">
        <v>58</v>
      </c>
      <c r="AX27" s="136"/>
      <c r="AY27" s="136"/>
      <c r="AZ27" s="46"/>
      <c r="BA27" s="47"/>
      <c r="BB27" s="23"/>
      <c r="BC27" s="333"/>
      <c r="BD27" s="333"/>
      <c r="BE27" s="333"/>
      <c r="BF27" s="333"/>
      <c r="BG27" s="333"/>
      <c r="BH27" s="333"/>
      <c r="BI27" s="333"/>
      <c r="BJ27" s="334"/>
      <c r="BK27" s="136"/>
      <c r="BL27" s="136"/>
      <c r="BM27" s="136"/>
      <c r="BN27" s="136"/>
      <c r="BO27" s="136"/>
      <c r="BP27" s="136"/>
      <c r="BQ27" s="136"/>
      <c r="BR27" s="136"/>
      <c r="BS27" s="136"/>
      <c r="BT27" s="136"/>
      <c r="BU27" s="136"/>
      <c r="BV27" s="136"/>
    </row>
    <row r="28" spans="4:76" ht="28.5" customHeight="1">
      <c r="D28" s="6"/>
      <c r="P28" s="25"/>
      <c r="Q28" s="25"/>
      <c r="R28" s="25"/>
      <c r="S28" s="25"/>
      <c r="T28" s="26"/>
      <c r="U28" s="135" t="s">
        <v>0</v>
      </c>
      <c r="V28" s="102" t="s">
        <v>39</v>
      </c>
      <c r="W28" s="25"/>
      <c r="X28" s="27"/>
      <c r="Y28" s="25"/>
      <c r="Z28" s="25"/>
      <c r="AA28" s="25"/>
      <c r="AB28" s="25"/>
      <c r="AC28" s="25"/>
      <c r="AD28" s="25"/>
      <c r="AE28" s="25"/>
      <c r="AF28" s="162" t="s">
        <v>41</v>
      </c>
      <c r="AG28" s="25"/>
      <c r="AH28" s="135"/>
      <c r="AI28" s="102" t="s">
        <v>42</v>
      </c>
      <c r="AJ28" s="135"/>
      <c r="AK28" s="135"/>
      <c r="AL28" s="135"/>
      <c r="AO28" s="102" t="s">
        <v>43</v>
      </c>
      <c r="AR28" s="161"/>
      <c r="AS28" s="102" t="s">
        <v>34</v>
      </c>
      <c r="AT28" s="161"/>
      <c r="AW28" s="102" t="s">
        <v>58</v>
      </c>
      <c r="AX28" s="161"/>
      <c r="AY28" s="161"/>
      <c r="AZ28" s="40" t="s">
        <v>45</v>
      </c>
      <c r="BA28" s="1"/>
      <c r="BB28" s="23"/>
      <c r="BC28" s="333" t="s">
        <v>46</v>
      </c>
      <c r="BD28" s="333"/>
      <c r="BE28" s="333"/>
      <c r="BF28" s="333"/>
      <c r="BG28" s="333"/>
      <c r="BH28" s="333"/>
      <c r="BI28" s="333"/>
      <c r="BJ28" s="334"/>
      <c r="BQ28" s="162"/>
      <c r="BR28" s="162"/>
      <c r="BS28" s="162"/>
      <c r="BT28" s="162"/>
      <c r="BU28" s="162"/>
      <c r="BV28" s="162"/>
      <c r="BW28" s="162"/>
      <c r="BX28" s="162"/>
    </row>
    <row r="29" spans="4:76" ht="28.5" customHeight="1">
      <c r="D29" s="6"/>
      <c r="T29" s="6"/>
      <c r="U29" s="135" t="s">
        <v>0</v>
      </c>
      <c r="V29" s="102" t="s">
        <v>40</v>
      </c>
      <c r="X29" s="27"/>
      <c r="AF29" s="162" t="s">
        <v>41</v>
      </c>
      <c r="AH29" s="161"/>
      <c r="AI29" s="102" t="s">
        <v>42</v>
      </c>
      <c r="AJ29" s="161"/>
      <c r="AK29" s="161"/>
      <c r="AL29" s="161"/>
      <c r="AO29" s="102" t="s">
        <v>43</v>
      </c>
      <c r="AR29" s="161"/>
      <c r="AS29" s="102" t="s">
        <v>34</v>
      </c>
      <c r="AT29" s="161"/>
      <c r="AW29" s="102" t="s">
        <v>58</v>
      </c>
      <c r="AX29" s="161"/>
      <c r="AY29" s="161"/>
      <c r="AZ29" s="45"/>
      <c r="BA29" s="1"/>
      <c r="BB29" s="23"/>
      <c r="BC29" s="333"/>
      <c r="BD29" s="333"/>
      <c r="BE29" s="333"/>
      <c r="BF29" s="333"/>
      <c r="BG29" s="333"/>
      <c r="BH29" s="333"/>
      <c r="BI29" s="333"/>
      <c r="BJ29" s="334"/>
      <c r="BQ29" s="162"/>
      <c r="BR29" s="162"/>
      <c r="BS29" s="162"/>
      <c r="BT29" s="162"/>
      <c r="BU29" s="162"/>
      <c r="BV29" s="162"/>
      <c r="BW29" s="162"/>
      <c r="BX29" s="162"/>
    </row>
    <row r="30" spans="4:76" ht="28.5" customHeight="1">
      <c r="D30" s="28"/>
      <c r="E30" s="29"/>
      <c r="F30" s="29"/>
      <c r="G30" s="29"/>
      <c r="H30" s="29"/>
      <c r="I30" s="29"/>
      <c r="J30" s="29"/>
      <c r="K30" s="29"/>
      <c r="L30" s="29"/>
      <c r="M30" s="29"/>
      <c r="N30" s="29"/>
      <c r="O30" s="29"/>
      <c r="P30" s="100"/>
      <c r="Q30" s="100"/>
      <c r="R30" s="100"/>
      <c r="S30" s="100"/>
      <c r="T30" s="8"/>
      <c r="U30" s="144" t="s">
        <v>0</v>
      </c>
      <c r="V30" s="144" t="s">
        <v>41</v>
      </c>
      <c r="W30" s="100"/>
      <c r="X30" s="400"/>
      <c r="Y30" s="400"/>
      <c r="Z30" s="400"/>
      <c r="AA30" s="400"/>
      <c r="AB30" s="400"/>
      <c r="AC30" s="400"/>
      <c r="AD30" s="144" t="s">
        <v>28</v>
      </c>
      <c r="AE30" s="100"/>
      <c r="AF30" s="159" t="s">
        <v>41</v>
      </c>
      <c r="AG30" s="100"/>
      <c r="AH30" s="184"/>
      <c r="AI30" s="100" t="s">
        <v>42</v>
      </c>
      <c r="AJ30" s="184"/>
      <c r="AK30" s="184"/>
      <c r="AL30" s="184"/>
      <c r="AM30" s="100"/>
      <c r="AN30" s="100"/>
      <c r="AO30" s="100" t="s">
        <v>43</v>
      </c>
      <c r="AP30" s="100"/>
      <c r="AQ30" s="100"/>
      <c r="AR30" s="184"/>
      <c r="AS30" s="100" t="s">
        <v>34</v>
      </c>
      <c r="AT30" s="184"/>
      <c r="AU30" s="100"/>
      <c r="AV30" s="100"/>
      <c r="AW30" s="100" t="s">
        <v>58</v>
      </c>
      <c r="AX30" s="184"/>
      <c r="AY30" s="100"/>
      <c r="AZ30" s="48"/>
      <c r="BA30" s="49"/>
      <c r="BB30" s="24"/>
      <c r="BC30" s="398"/>
      <c r="BD30" s="398"/>
      <c r="BE30" s="398"/>
      <c r="BF30" s="398"/>
      <c r="BG30" s="398"/>
      <c r="BH30" s="398"/>
      <c r="BI30" s="398"/>
      <c r="BJ30" s="399"/>
      <c r="BL30" s="139"/>
      <c r="BM30" s="139"/>
      <c r="BN30" s="139"/>
      <c r="BO30" s="139"/>
      <c r="BP30" s="139"/>
      <c r="BQ30" s="139"/>
    </row>
    <row r="31" spans="4:76" ht="30" customHeight="1">
      <c r="D31" s="2" t="s">
        <v>6</v>
      </c>
      <c r="E31" s="271" t="s">
        <v>156</v>
      </c>
      <c r="F31" s="271"/>
      <c r="G31" s="307" t="s">
        <v>153</v>
      </c>
      <c r="H31" s="307"/>
      <c r="I31" s="307"/>
      <c r="J31" s="307"/>
      <c r="K31" s="307"/>
      <c r="L31" s="307"/>
      <c r="M31" s="307"/>
      <c r="N31" s="307"/>
      <c r="O31" s="307"/>
      <c r="P31" s="307"/>
      <c r="Q31" s="307"/>
      <c r="R31" s="307"/>
      <c r="S31" s="3"/>
      <c r="U31" s="162" t="s">
        <v>154</v>
      </c>
      <c r="V31" s="135"/>
      <c r="X31" s="52"/>
      <c r="Y31" s="52"/>
      <c r="Z31" s="52"/>
      <c r="AA31" s="52"/>
      <c r="AB31" s="52"/>
      <c r="AC31" s="52"/>
      <c r="AD31" s="135"/>
      <c r="AF31" s="162"/>
      <c r="AH31" s="161"/>
      <c r="AJ31" s="161"/>
      <c r="AK31" s="161"/>
      <c r="AL31" s="161"/>
      <c r="AM31" s="135"/>
      <c r="AN31" s="135"/>
      <c r="AO31" s="135"/>
      <c r="AQ31" s="161"/>
      <c r="AS31" s="161"/>
      <c r="AT31" s="135"/>
      <c r="AU31" s="135"/>
      <c r="AV31" s="135"/>
      <c r="AX31" s="161"/>
      <c r="AZ31" s="47"/>
      <c r="BA31" s="47"/>
      <c r="BB31" s="23"/>
      <c r="BC31" s="165"/>
      <c r="BD31" s="165"/>
      <c r="BE31" s="165"/>
      <c r="BF31" s="165"/>
      <c r="BG31" s="165"/>
      <c r="BH31" s="165"/>
      <c r="BI31" s="165"/>
      <c r="BJ31" s="166"/>
      <c r="BL31" s="139"/>
      <c r="BM31" s="139"/>
      <c r="BN31" s="139"/>
      <c r="BO31" s="139"/>
      <c r="BP31" s="139"/>
      <c r="BQ31" s="139"/>
    </row>
    <row r="32" spans="4:76" ht="30" customHeight="1">
      <c r="D32" s="8"/>
      <c r="E32" s="144"/>
      <c r="F32" s="144"/>
      <c r="G32" s="184"/>
      <c r="H32" s="184"/>
      <c r="I32" s="184"/>
      <c r="J32" s="184"/>
      <c r="K32" s="184"/>
      <c r="L32" s="184"/>
      <c r="M32" s="184"/>
      <c r="N32" s="184"/>
      <c r="O32" s="184"/>
      <c r="P32" s="184"/>
      <c r="Q32" s="184"/>
      <c r="R32" s="184"/>
      <c r="S32" s="9"/>
      <c r="T32" s="100"/>
      <c r="U32" s="159" t="s">
        <v>155</v>
      </c>
      <c r="V32" s="144"/>
      <c r="W32" s="100"/>
      <c r="X32" s="181"/>
      <c r="Y32" s="181"/>
      <c r="Z32" s="181"/>
      <c r="AA32" s="181"/>
      <c r="AB32" s="181"/>
      <c r="AC32" s="181"/>
      <c r="AD32" s="144"/>
      <c r="AE32" s="100"/>
      <c r="AF32" s="159"/>
      <c r="AG32" s="100"/>
      <c r="AH32" s="184"/>
      <c r="AI32" s="100"/>
      <c r="AJ32" s="184"/>
      <c r="AK32" s="184"/>
      <c r="AL32" s="184"/>
      <c r="AM32" s="144"/>
      <c r="AN32" s="144"/>
      <c r="AO32" s="144"/>
      <c r="AP32" s="100"/>
      <c r="AQ32" s="184"/>
      <c r="AR32" s="100"/>
      <c r="AS32" s="184"/>
      <c r="AT32" s="144"/>
      <c r="AU32" s="144"/>
      <c r="AV32" s="144"/>
      <c r="AW32" s="100"/>
      <c r="AX32" s="184"/>
      <c r="AY32" s="100"/>
      <c r="AZ32" s="49"/>
      <c r="BA32" s="49"/>
      <c r="BB32" s="24"/>
      <c r="BC32" s="179"/>
      <c r="BD32" s="179"/>
      <c r="BE32" s="179"/>
      <c r="BF32" s="179"/>
      <c r="BG32" s="179"/>
      <c r="BH32" s="179"/>
      <c r="BI32" s="179"/>
      <c r="BJ32" s="180"/>
      <c r="BL32" s="139"/>
      <c r="BM32" s="139"/>
      <c r="BN32" s="139"/>
      <c r="BO32" s="139"/>
      <c r="BP32" s="139"/>
      <c r="BQ32" s="139"/>
    </row>
    <row r="33" spans="4:78" ht="9.9" customHeight="1">
      <c r="F33" s="139"/>
      <c r="G33" s="139"/>
      <c r="H33" s="139"/>
      <c r="I33" s="139"/>
      <c r="J33" s="139"/>
      <c r="K33" s="139"/>
      <c r="L33" s="139"/>
      <c r="P33" s="139"/>
      <c r="Q33" s="139"/>
      <c r="R33" s="139"/>
      <c r="S33" s="139"/>
      <c r="T33" s="139"/>
      <c r="U33" s="139"/>
      <c r="V33" s="139"/>
      <c r="W33" s="139"/>
      <c r="X33" s="139"/>
      <c r="Y33" s="139"/>
      <c r="Z33" s="139"/>
      <c r="AA33" s="139"/>
      <c r="AB33" s="139"/>
      <c r="AC33" s="139"/>
      <c r="AD33" s="139"/>
      <c r="AE33" s="139"/>
      <c r="AF33" s="139"/>
      <c r="AG33" s="139"/>
      <c r="AH33" s="139"/>
      <c r="AI33" s="139"/>
      <c r="AJ33" s="139"/>
      <c r="AK33" s="139"/>
      <c r="AL33" s="139"/>
      <c r="AM33" s="139"/>
      <c r="AN33" s="139"/>
      <c r="AO33" s="139"/>
      <c r="AP33" s="139"/>
      <c r="AQ33" s="139"/>
      <c r="AR33" s="139"/>
      <c r="AS33" s="139"/>
      <c r="AT33" s="139"/>
      <c r="AU33" s="139"/>
      <c r="AV33" s="139"/>
      <c r="AW33" s="139"/>
      <c r="AX33" s="139"/>
      <c r="AY33" s="139"/>
      <c r="AZ33" s="139"/>
      <c r="BA33" s="139"/>
      <c r="BB33" s="139"/>
      <c r="BC33" s="139"/>
      <c r="BD33" s="139"/>
      <c r="BE33" s="139"/>
      <c r="BF33" s="139"/>
      <c r="BG33" s="139"/>
      <c r="BH33" s="139"/>
      <c r="BI33" s="139"/>
      <c r="BJ33" s="139"/>
      <c r="BK33" s="139"/>
      <c r="BL33" s="139"/>
      <c r="BM33" s="139"/>
      <c r="BN33" s="139"/>
      <c r="BO33" s="139"/>
      <c r="BP33" s="139"/>
    </row>
    <row r="34" spans="4:78" ht="9.9" customHeight="1">
      <c r="F34" s="139"/>
      <c r="G34" s="139"/>
      <c r="H34" s="139"/>
      <c r="I34" s="139"/>
      <c r="J34" s="139"/>
      <c r="K34" s="139"/>
      <c r="L34" s="139"/>
      <c r="P34" s="139"/>
      <c r="Q34" s="139"/>
      <c r="R34" s="139"/>
      <c r="S34" s="139"/>
      <c r="T34" s="139"/>
      <c r="U34" s="139"/>
      <c r="V34" s="139"/>
      <c r="W34" s="139"/>
      <c r="X34" s="139"/>
      <c r="Y34" s="139"/>
      <c r="Z34" s="139"/>
      <c r="AA34" s="139"/>
      <c r="AB34" s="139"/>
      <c r="AC34" s="139"/>
      <c r="AD34" s="139"/>
      <c r="AE34" s="139"/>
      <c r="AF34" s="139"/>
      <c r="AG34" s="139"/>
      <c r="AH34" s="139"/>
      <c r="AI34" s="139"/>
      <c r="AJ34" s="139"/>
      <c r="AK34" s="139"/>
      <c r="AL34" s="139"/>
      <c r="AM34" s="139"/>
      <c r="AN34" s="139"/>
      <c r="AO34" s="139"/>
      <c r="AP34" s="139"/>
      <c r="AQ34" s="139"/>
      <c r="AR34" s="139"/>
      <c r="AS34" s="139"/>
      <c r="AT34" s="139"/>
      <c r="AU34" s="139"/>
      <c r="AV34" s="139"/>
      <c r="AW34" s="139"/>
      <c r="AX34" s="139"/>
      <c r="AY34" s="139"/>
      <c r="AZ34" s="139"/>
      <c r="BA34" s="139"/>
      <c r="BB34" s="139"/>
      <c r="BC34" s="139"/>
      <c r="BD34" s="139"/>
      <c r="BE34" s="139"/>
      <c r="BF34" s="139"/>
      <c r="BG34" s="139"/>
      <c r="BH34" s="139"/>
      <c r="BI34" s="139"/>
      <c r="BJ34" s="139"/>
      <c r="BK34" s="139"/>
      <c r="BL34" s="139"/>
      <c r="BM34" s="139"/>
      <c r="BN34" s="139"/>
      <c r="BO34" s="139"/>
      <c r="BP34" s="139"/>
    </row>
    <row r="35" spans="4:78" ht="20.100000000000001" customHeight="1">
      <c r="D35" s="331" t="s">
        <v>158</v>
      </c>
      <c r="E35" s="271"/>
      <c r="F35" s="271"/>
      <c r="G35" s="272"/>
      <c r="H35" s="401"/>
      <c r="I35" s="402"/>
      <c r="J35" s="402"/>
      <c r="K35" s="402"/>
      <c r="L35" s="402"/>
      <c r="M35" s="403"/>
      <c r="N35" s="331" t="s">
        <v>48</v>
      </c>
      <c r="O35" s="271"/>
      <c r="P35" s="271"/>
      <c r="Q35" s="271"/>
      <c r="R35" s="271"/>
      <c r="S35" s="271"/>
      <c r="T35" s="271"/>
      <c r="U35" s="271"/>
      <c r="V35" s="272"/>
      <c r="W35" s="331" t="s">
        <v>50</v>
      </c>
      <c r="X35" s="271"/>
      <c r="Y35" s="271"/>
      <c r="Z35" s="271"/>
      <c r="AA35" s="271"/>
      <c r="AB35" s="271"/>
      <c r="AC35" s="271"/>
      <c r="AD35" s="271"/>
      <c r="AE35" s="272"/>
      <c r="AF35" s="331" t="s">
        <v>38</v>
      </c>
      <c r="AG35" s="271"/>
      <c r="AH35" s="271"/>
      <c r="AI35" s="271"/>
      <c r="AJ35" s="271"/>
      <c r="AK35" s="271"/>
      <c r="AL35" s="271"/>
      <c r="AM35" s="272"/>
      <c r="AN35" s="164" t="s">
        <v>41</v>
      </c>
      <c r="AO35" s="99"/>
      <c r="AP35" s="282"/>
      <c r="AQ35" s="282"/>
      <c r="AR35" s="282"/>
      <c r="AS35" s="282"/>
      <c r="AT35" s="282"/>
      <c r="AU35" s="282"/>
      <c r="AV35" s="99" t="s">
        <v>28</v>
      </c>
      <c r="AW35" s="147"/>
      <c r="AX35" s="331" t="s">
        <v>56</v>
      </c>
      <c r="AY35" s="271"/>
      <c r="AZ35" s="271"/>
      <c r="BA35" s="271"/>
      <c r="BB35" s="271"/>
      <c r="BC35" s="271"/>
      <c r="BD35" s="271"/>
      <c r="BE35" s="271"/>
      <c r="BF35" s="271"/>
      <c r="BG35" s="271"/>
      <c r="BH35" s="271"/>
      <c r="BI35" s="271"/>
      <c r="BJ35" s="272"/>
      <c r="BK35" s="161"/>
      <c r="BU35" s="162"/>
      <c r="BV35" s="162"/>
      <c r="BW35" s="162"/>
      <c r="BX35" s="162"/>
      <c r="BY35" s="162"/>
      <c r="BZ35" s="162"/>
    </row>
    <row r="36" spans="4:78" ht="20.100000000000001" customHeight="1">
      <c r="D36" s="365"/>
      <c r="E36" s="209"/>
      <c r="F36" s="209"/>
      <c r="G36" s="289"/>
      <c r="H36" s="404"/>
      <c r="I36" s="405"/>
      <c r="J36" s="405"/>
      <c r="K36" s="405"/>
      <c r="L36" s="405"/>
      <c r="M36" s="406"/>
      <c r="N36" s="395" t="s">
        <v>49</v>
      </c>
      <c r="O36" s="396"/>
      <c r="P36" s="396"/>
      <c r="Q36" s="396"/>
      <c r="R36" s="396"/>
      <c r="S36" s="396"/>
      <c r="T36" s="396"/>
      <c r="U36" s="396"/>
      <c r="V36" s="397"/>
      <c r="W36" s="395" t="s">
        <v>51</v>
      </c>
      <c r="X36" s="396"/>
      <c r="Y36" s="396"/>
      <c r="Z36" s="396"/>
      <c r="AA36" s="396"/>
      <c r="AB36" s="396"/>
      <c r="AC36" s="396"/>
      <c r="AD36" s="396"/>
      <c r="AE36" s="397"/>
      <c r="AF36" s="395" t="s">
        <v>51</v>
      </c>
      <c r="AG36" s="396"/>
      <c r="AH36" s="396"/>
      <c r="AI36" s="396"/>
      <c r="AJ36" s="396"/>
      <c r="AK36" s="396"/>
      <c r="AL36" s="396"/>
      <c r="AM36" s="397"/>
      <c r="AN36" s="395" t="s">
        <v>52</v>
      </c>
      <c r="AO36" s="396"/>
      <c r="AP36" s="396"/>
      <c r="AQ36" s="396"/>
      <c r="AR36" s="396"/>
      <c r="AS36" s="396"/>
      <c r="AT36" s="396"/>
      <c r="AU36" s="396"/>
      <c r="AV36" s="396"/>
      <c r="AW36" s="397"/>
      <c r="AX36" s="330"/>
      <c r="AY36" s="247"/>
      <c r="AZ36" s="247"/>
      <c r="BA36" s="247"/>
      <c r="BB36" s="247"/>
      <c r="BC36" s="247"/>
      <c r="BD36" s="247"/>
      <c r="BE36" s="247"/>
      <c r="BF36" s="247"/>
      <c r="BG36" s="247"/>
      <c r="BH36" s="247"/>
      <c r="BI36" s="247"/>
      <c r="BJ36" s="279"/>
      <c r="BK36" s="161"/>
      <c r="BU36" s="162"/>
      <c r="BV36" s="162"/>
      <c r="BW36" s="162"/>
      <c r="BX36" s="162"/>
      <c r="BY36" s="162"/>
      <c r="BZ36" s="162"/>
    </row>
    <row r="37" spans="4:78" ht="20.100000000000001" customHeight="1">
      <c r="D37" s="381" t="s">
        <v>157</v>
      </c>
      <c r="E37" s="382"/>
      <c r="F37" s="382"/>
      <c r="G37" s="383"/>
      <c r="H37" s="331" t="s">
        <v>59</v>
      </c>
      <c r="I37" s="271"/>
      <c r="J37" s="271"/>
      <c r="K37" s="271"/>
      <c r="L37" s="271"/>
      <c r="M37" s="272"/>
      <c r="N37" s="331"/>
      <c r="O37" s="271"/>
      <c r="P37" s="271"/>
      <c r="Q37" s="271"/>
      <c r="R37" s="271"/>
      <c r="S37" s="271"/>
      <c r="T37" s="271"/>
      <c r="U37" s="271" t="s">
        <v>47</v>
      </c>
      <c r="V37" s="272"/>
      <c r="W37" s="331"/>
      <c r="X37" s="271"/>
      <c r="Y37" s="271"/>
      <c r="Z37" s="271"/>
      <c r="AA37" s="271"/>
      <c r="AB37" s="271"/>
      <c r="AC37" s="271"/>
      <c r="AD37" s="271" t="s">
        <v>47</v>
      </c>
      <c r="AE37" s="272"/>
      <c r="AF37" s="393"/>
      <c r="AG37" s="286"/>
      <c r="AH37" s="286"/>
      <c r="AI37" s="286"/>
      <c r="AJ37" s="286"/>
      <c r="AK37" s="286"/>
      <c r="AL37" s="286" t="s">
        <v>47</v>
      </c>
      <c r="AM37" s="394"/>
      <c r="AN37" s="331"/>
      <c r="AO37" s="271"/>
      <c r="AP37" s="271"/>
      <c r="AQ37" s="271"/>
      <c r="AR37" s="271"/>
      <c r="AS37" s="271"/>
      <c r="AT37" s="271"/>
      <c r="AU37" s="271"/>
      <c r="AV37" s="286" t="s">
        <v>47</v>
      </c>
      <c r="AW37" s="394"/>
      <c r="AX37" s="2" t="s">
        <v>53</v>
      </c>
      <c r="AY37" s="99"/>
      <c r="AZ37" s="99"/>
      <c r="BA37" s="99"/>
      <c r="BB37" s="99"/>
      <c r="BC37" s="99"/>
      <c r="BD37" s="99"/>
      <c r="BE37" s="99"/>
      <c r="BF37" s="99"/>
      <c r="BG37" s="99"/>
      <c r="BH37" s="99"/>
      <c r="BI37" s="99"/>
      <c r="BJ37" s="3"/>
      <c r="BK37" s="161"/>
      <c r="BU37" s="162"/>
      <c r="BV37" s="162"/>
      <c r="BW37" s="162"/>
      <c r="BX37" s="162"/>
      <c r="BY37" s="162"/>
      <c r="BZ37" s="162"/>
    </row>
    <row r="38" spans="4:78" ht="17.25" customHeight="1">
      <c r="D38" s="381"/>
      <c r="E38" s="382"/>
      <c r="F38" s="382"/>
      <c r="G38" s="383"/>
      <c r="H38" s="362"/>
      <c r="I38" s="363"/>
      <c r="J38" s="363"/>
      <c r="K38" s="363"/>
      <c r="L38" s="363"/>
      <c r="M38" s="364"/>
      <c r="N38" s="362"/>
      <c r="O38" s="363"/>
      <c r="P38" s="363"/>
      <c r="Q38" s="363"/>
      <c r="R38" s="363"/>
      <c r="S38" s="363"/>
      <c r="T38" s="363"/>
      <c r="U38" s="363"/>
      <c r="V38" s="364"/>
      <c r="W38" s="362"/>
      <c r="X38" s="363"/>
      <c r="Y38" s="363"/>
      <c r="Z38" s="363"/>
      <c r="AA38" s="363"/>
      <c r="AB38" s="363"/>
      <c r="AC38" s="363"/>
      <c r="AD38" s="363"/>
      <c r="AE38" s="364"/>
      <c r="AF38" s="379"/>
      <c r="AG38" s="375"/>
      <c r="AH38" s="375"/>
      <c r="AI38" s="375"/>
      <c r="AJ38" s="375"/>
      <c r="AK38" s="375"/>
      <c r="AL38" s="375"/>
      <c r="AM38" s="376"/>
      <c r="AN38" s="362"/>
      <c r="AO38" s="363"/>
      <c r="AP38" s="363"/>
      <c r="AQ38" s="363"/>
      <c r="AR38" s="363"/>
      <c r="AS38" s="363"/>
      <c r="AT38" s="363"/>
      <c r="AU38" s="363"/>
      <c r="AV38" s="375"/>
      <c r="AW38" s="376"/>
      <c r="AX38" s="6"/>
      <c r="BB38" s="209"/>
      <c r="BC38" s="209"/>
      <c r="BD38" s="209"/>
      <c r="BE38" s="209"/>
      <c r="BF38" s="209"/>
      <c r="BG38" s="209"/>
      <c r="BH38" s="209"/>
      <c r="BI38" s="102" t="s">
        <v>47</v>
      </c>
      <c r="BJ38" s="7"/>
      <c r="BK38" s="161"/>
      <c r="BU38" s="162"/>
      <c r="BV38" s="162"/>
      <c r="BW38" s="162"/>
      <c r="BX38" s="162"/>
      <c r="BY38" s="162"/>
      <c r="BZ38" s="162"/>
    </row>
    <row r="39" spans="4:78" ht="20.100000000000001" customHeight="1">
      <c r="D39" s="381"/>
      <c r="E39" s="382"/>
      <c r="F39" s="382"/>
      <c r="G39" s="383"/>
      <c r="H39" s="374" t="s">
        <v>60</v>
      </c>
      <c r="I39" s="299"/>
      <c r="J39" s="299"/>
      <c r="K39" s="299"/>
      <c r="L39" s="299"/>
      <c r="M39" s="373"/>
      <c r="N39" s="374"/>
      <c r="O39" s="299"/>
      <c r="P39" s="299"/>
      <c r="Q39" s="299"/>
      <c r="R39" s="299"/>
      <c r="S39" s="299"/>
      <c r="T39" s="299"/>
      <c r="U39" s="299" t="s">
        <v>47</v>
      </c>
      <c r="V39" s="373"/>
      <c r="W39" s="374"/>
      <c r="X39" s="299"/>
      <c r="Y39" s="299"/>
      <c r="Z39" s="299"/>
      <c r="AA39" s="299"/>
      <c r="AB39" s="299"/>
      <c r="AC39" s="299"/>
      <c r="AD39" s="299" t="s">
        <v>47</v>
      </c>
      <c r="AE39" s="373"/>
      <c r="AF39" s="379"/>
      <c r="AG39" s="375"/>
      <c r="AH39" s="375"/>
      <c r="AI39" s="375"/>
      <c r="AJ39" s="375"/>
      <c r="AK39" s="375"/>
      <c r="AL39" s="375" t="s">
        <v>47</v>
      </c>
      <c r="AM39" s="376"/>
      <c r="AN39" s="374"/>
      <c r="AO39" s="299"/>
      <c r="AP39" s="299"/>
      <c r="AQ39" s="299"/>
      <c r="AR39" s="299"/>
      <c r="AS39" s="299"/>
      <c r="AT39" s="299"/>
      <c r="AU39" s="299"/>
      <c r="AV39" s="375" t="s">
        <v>47</v>
      </c>
      <c r="AW39" s="376"/>
      <c r="AX39" s="6" t="s">
        <v>54</v>
      </c>
      <c r="BJ39" s="7"/>
      <c r="BK39" s="139"/>
      <c r="BL39" s="139"/>
      <c r="BM39" s="139"/>
      <c r="BN39" s="139"/>
      <c r="BO39" s="139"/>
      <c r="BP39" s="139"/>
      <c r="BQ39" s="139"/>
      <c r="BR39" s="139"/>
      <c r="BS39" s="139"/>
      <c r="BT39" s="139"/>
      <c r="BU39" s="139"/>
      <c r="BV39" s="139"/>
      <c r="BW39" s="139"/>
      <c r="BX39" s="139"/>
      <c r="BY39" s="139"/>
    </row>
    <row r="40" spans="4:78" ht="16.5" customHeight="1">
      <c r="D40" s="381"/>
      <c r="E40" s="382"/>
      <c r="F40" s="382"/>
      <c r="G40" s="383"/>
      <c r="H40" s="362"/>
      <c r="I40" s="363"/>
      <c r="J40" s="363"/>
      <c r="K40" s="363"/>
      <c r="L40" s="363"/>
      <c r="M40" s="364"/>
      <c r="N40" s="362"/>
      <c r="O40" s="363"/>
      <c r="P40" s="363"/>
      <c r="Q40" s="363"/>
      <c r="R40" s="363"/>
      <c r="S40" s="363"/>
      <c r="T40" s="363"/>
      <c r="U40" s="363"/>
      <c r="V40" s="364"/>
      <c r="W40" s="362"/>
      <c r="X40" s="363"/>
      <c r="Y40" s="363"/>
      <c r="Z40" s="363"/>
      <c r="AA40" s="363"/>
      <c r="AB40" s="363"/>
      <c r="AC40" s="363"/>
      <c r="AD40" s="363"/>
      <c r="AE40" s="364"/>
      <c r="AF40" s="379"/>
      <c r="AG40" s="375"/>
      <c r="AH40" s="375"/>
      <c r="AI40" s="375"/>
      <c r="AJ40" s="375"/>
      <c r="AK40" s="375"/>
      <c r="AL40" s="375"/>
      <c r="AM40" s="376"/>
      <c r="AN40" s="362"/>
      <c r="AO40" s="363"/>
      <c r="AP40" s="363"/>
      <c r="AQ40" s="363"/>
      <c r="AR40" s="363"/>
      <c r="AS40" s="363"/>
      <c r="AT40" s="363"/>
      <c r="AU40" s="363"/>
      <c r="AV40" s="375"/>
      <c r="AW40" s="376"/>
      <c r="AX40" s="6"/>
      <c r="BB40" s="209"/>
      <c r="BC40" s="209"/>
      <c r="BD40" s="209"/>
      <c r="BE40" s="209"/>
      <c r="BF40" s="209"/>
      <c r="BG40" s="209"/>
      <c r="BH40" s="209"/>
      <c r="BI40" s="102" t="s">
        <v>47</v>
      </c>
      <c r="BJ40" s="7"/>
      <c r="BK40" s="139"/>
      <c r="BL40" s="139"/>
      <c r="BM40" s="139"/>
      <c r="BN40" s="139"/>
      <c r="BO40" s="139"/>
      <c r="BP40" s="139"/>
      <c r="BQ40" s="139"/>
      <c r="BR40" s="139"/>
      <c r="BS40" s="139"/>
      <c r="BT40" s="139"/>
      <c r="BU40" s="139"/>
      <c r="BV40" s="139"/>
      <c r="BW40" s="139"/>
      <c r="BX40" s="139"/>
      <c r="BY40" s="139"/>
    </row>
    <row r="41" spans="4:78" ht="20.100000000000001" customHeight="1">
      <c r="D41" s="381"/>
      <c r="E41" s="382"/>
      <c r="F41" s="382"/>
      <c r="G41" s="383"/>
      <c r="H41" s="374" t="s">
        <v>61</v>
      </c>
      <c r="I41" s="299"/>
      <c r="J41" s="299"/>
      <c r="K41" s="299"/>
      <c r="L41" s="299"/>
      <c r="M41" s="373"/>
      <c r="N41" s="374"/>
      <c r="O41" s="299"/>
      <c r="P41" s="299"/>
      <c r="Q41" s="299"/>
      <c r="R41" s="299"/>
      <c r="S41" s="299"/>
      <c r="T41" s="299"/>
      <c r="U41" s="299" t="s">
        <v>47</v>
      </c>
      <c r="V41" s="373"/>
      <c r="W41" s="374"/>
      <c r="X41" s="299"/>
      <c r="Y41" s="299"/>
      <c r="Z41" s="299"/>
      <c r="AA41" s="299"/>
      <c r="AB41" s="299"/>
      <c r="AC41" s="299"/>
      <c r="AD41" s="299" t="s">
        <v>47</v>
      </c>
      <c r="AE41" s="373"/>
      <c r="AF41" s="379"/>
      <c r="AG41" s="375"/>
      <c r="AH41" s="375"/>
      <c r="AI41" s="375"/>
      <c r="AJ41" s="375"/>
      <c r="AK41" s="375"/>
      <c r="AL41" s="375" t="s">
        <v>47</v>
      </c>
      <c r="AM41" s="376"/>
      <c r="AN41" s="374"/>
      <c r="AO41" s="299"/>
      <c r="AP41" s="299"/>
      <c r="AQ41" s="299"/>
      <c r="AR41" s="299"/>
      <c r="AS41" s="299"/>
      <c r="AT41" s="299"/>
      <c r="AU41" s="299"/>
      <c r="AV41" s="375" t="s">
        <v>47</v>
      </c>
      <c r="AW41" s="376"/>
      <c r="AX41" s="6" t="s">
        <v>55</v>
      </c>
      <c r="BJ41" s="7"/>
      <c r="BK41" s="139"/>
      <c r="BL41" s="139"/>
      <c r="BM41" s="139"/>
      <c r="BN41" s="139"/>
      <c r="BO41" s="139"/>
      <c r="BP41" s="139"/>
      <c r="BQ41" s="139"/>
      <c r="BR41" s="139"/>
    </row>
    <row r="42" spans="4:78" ht="16.5" customHeight="1">
      <c r="D42" s="381"/>
      <c r="E42" s="382"/>
      <c r="F42" s="382"/>
      <c r="G42" s="383"/>
      <c r="H42" s="362"/>
      <c r="I42" s="363"/>
      <c r="J42" s="363"/>
      <c r="K42" s="363"/>
      <c r="L42" s="363"/>
      <c r="M42" s="364"/>
      <c r="N42" s="362"/>
      <c r="O42" s="363"/>
      <c r="P42" s="363"/>
      <c r="Q42" s="363"/>
      <c r="R42" s="363"/>
      <c r="S42" s="363"/>
      <c r="T42" s="363"/>
      <c r="U42" s="363"/>
      <c r="V42" s="364"/>
      <c r="W42" s="362"/>
      <c r="X42" s="363"/>
      <c r="Y42" s="363"/>
      <c r="Z42" s="363"/>
      <c r="AA42" s="363"/>
      <c r="AB42" s="363"/>
      <c r="AC42" s="363"/>
      <c r="AD42" s="363"/>
      <c r="AE42" s="364"/>
      <c r="AF42" s="379"/>
      <c r="AG42" s="375"/>
      <c r="AH42" s="375"/>
      <c r="AI42" s="375"/>
      <c r="AJ42" s="375"/>
      <c r="AK42" s="375"/>
      <c r="AL42" s="375"/>
      <c r="AM42" s="376"/>
      <c r="AN42" s="362"/>
      <c r="AO42" s="363"/>
      <c r="AP42" s="363"/>
      <c r="AQ42" s="363"/>
      <c r="AR42" s="363"/>
      <c r="AS42" s="363"/>
      <c r="AT42" s="363"/>
      <c r="AU42" s="363"/>
      <c r="AV42" s="375"/>
      <c r="AW42" s="376"/>
      <c r="AX42" s="6"/>
      <c r="BB42" s="209"/>
      <c r="BC42" s="209"/>
      <c r="BD42" s="209"/>
      <c r="BE42" s="209"/>
      <c r="BF42" s="209"/>
      <c r="BG42" s="209"/>
      <c r="BH42" s="209"/>
      <c r="BI42" s="102" t="s">
        <v>47</v>
      </c>
      <c r="BJ42" s="7"/>
      <c r="BK42" s="139"/>
      <c r="BL42" s="139"/>
      <c r="BM42" s="139"/>
      <c r="BN42" s="139"/>
      <c r="BO42" s="139"/>
      <c r="BP42" s="139"/>
      <c r="BQ42" s="139"/>
      <c r="BR42" s="139"/>
    </row>
    <row r="43" spans="4:78" ht="20.100000000000001" customHeight="1">
      <c r="D43" s="381"/>
      <c r="E43" s="382"/>
      <c r="F43" s="382"/>
      <c r="G43" s="383"/>
      <c r="H43" s="374" t="s">
        <v>62</v>
      </c>
      <c r="I43" s="299"/>
      <c r="J43" s="299"/>
      <c r="K43" s="299"/>
      <c r="L43" s="299"/>
      <c r="M43" s="373"/>
      <c r="N43" s="374"/>
      <c r="O43" s="299"/>
      <c r="P43" s="299"/>
      <c r="Q43" s="299"/>
      <c r="R43" s="299"/>
      <c r="S43" s="299"/>
      <c r="T43" s="299"/>
      <c r="U43" s="299" t="s">
        <v>47</v>
      </c>
      <c r="V43" s="373"/>
      <c r="W43" s="374"/>
      <c r="X43" s="299"/>
      <c r="Y43" s="299"/>
      <c r="Z43" s="299"/>
      <c r="AA43" s="299"/>
      <c r="AB43" s="299"/>
      <c r="AC43" s="299"/>
      <c r="AD43" s="299" t="s">
        <v>47</v>
      </c>
      <c r="AE43" s="373"/>
      <c r="AF43" s="379"/>
      <c r="AG43" s="375"/>
      <c r="AH43" s="375"/>
      <c r="AI43" s="375"/>
      <c r="AJ43" s="375"/>
      <c r="AK43" s="375"/>
      <c r="AL43" s="375" t="s">
        <v>47</v>
      </c>
      <c r="AM43" s="376"/>
      <c r="AN43" s="374"/>
      <c r="AO43" s="299"/>
      <c r="AP43" s="299"/>
      <c r="AQ43" s="299"/>
      <c r="AR43" s="299"/>
      <c r="AS43" s="299"/>
      <c r="AT43" s="299"/>
      <c r="AU43" s="299"/>
      <c r="AV43" s="375" t="s">
        <v>47</v>
      </c>
      <c r="AW43" s="376"/>
      <c r="AX43" s="102" t="s">
        <v>292</v>
      </c>
      <c r="AZ43" s="125"/>
      <c r="BA43" s="125"/>
      <c r="BB43" s="125"/>
      <c r="BC43" s="125"/>
      <c r="BD43" s="125"/>
      <c r="BE43" s="125"/>
      <c r="BF43" s="125"/>
      <c r="BG43" s="125"/>
      <c r="BJ43" s="7"/>
      <c r="BK43" s="139"/>
      <c r="BL43" s="139"/>
      <c r="BM43" s="139"/>
      <c r="BN43" s="139"/>
      <c r="BO43" s="139"/>
      <c r="BP43" s="139"/>
      <c r="BQ43" s="139"/>
      <c r="BR43" s="139"/>
    </row>
    <row r="44" spans="4:78" ht="16.5" customHeight="1">
      <c r="D44" s="381"/>
      <c r="E44" s="382"/>
      <c r="F44" s="382"/>
      <c r="G44" s="383"/>
      <c r="H44" s="362"/>
      <c r="I44" s="363"/>
      <c r="J44" s="363"/>
      <c r="K44" s="363"/>
      <c r="L44" s="363"/>
      <c r="M44" s="364"/>
      <c r="N44" s="362"/>
      <c r="O44" s="363"/>
      <c r="P44" s="363"/>
      <c r="Q44" s="363"/>
      <c r="R44" s="363"/>
      <c r="S44" s="363"/>
      <c r="T44" s="363"/>
      <c r="U44" s="363"/>
      <c r="V44" s="364"/>
      <c r="W44" s="362"/>
      <c r="X44" s="363"/>
      <c r="Y44" s="363"/>
      <c r="Z44" s="363"/>
      <c r="AA44" s="363"/>
      <c r="AB44" s="363"/>
      <c r="AC44" s="363"/>
      <c r="AD44" s="363"/>
      <c r="AE44" s="364"/>
      <c r="AF44" s="379"/>
      <c r="AG44" s="375"/>
      <c r="AH44" s="375"/>
      <c r="AI44" s="375"/>
      <c r="AJ44" s="375"/>
      <c r="AK44" s="375"/>
      <c r="AL44" s="375"/>
      <c r="AM44" s="376"/>
      <c r="AN44" s="362"/>
      <c r="AO44" s="363"/>
      <c r="AP44" s="363"/>
      <c r="AQ44" s="363"/>
      <c r="AR44" s="363"/>
      <c r="AS44" s="363"/>
      <c r="AT44" s="363"/>
      <c r="AU44" s="363"/>
      <c r="AV44" s="375"/>
      <c r="AW44" s="376"/>
      <c r="AX44" s="6"/>
      <c r="BB44" s="209"/>
      <c r="BC44" s="209"/>
      <c r="BD44" s="209"/>
      <c r="BE44" s="209"/>
      <c r="BF44" s="209"/>
      <c r="BG44" s="209"/>
      <c r="BH44" s="209"/>
      <c r="BI44" s="102" t="s">
        <v>47</v>
      </c>
      <c r="BJ44" s="7"/>
      <c r="BK44" s="139"/>
      <c r="BL44" s="139"/>
      <c r="BM44" s="139"/>
      <c r="BN44" s="139"/>
      <c r="BO44" s="139"/>
      <c r="BP44" s="139"/>
      <c r="BQ44" s="139"/>
      <c r="BR44" s="139"/>
    </row>
    <row r="45" spans="4:78" ht="20.100000000000001" customHeight="1">
      <c r="D45" s="381"/>
      <c r="E45" s="382"/>
      <c r="F45" s="382"/>
      <c r="G45" s="383"/>
      <c r="H45" s="374" t="s">
        <v>166</v>
      </c>
      <c r="I45" s="299"/>
      <c r="J45" s="299"/>
      <c r="K45" s="299"/>
      <c r="L45" s="299"/>
      <c r="M45" s="373"/>
      <c r="N45" s="374"/>
      <c r="O45" s="299"/>
      <c r="P45" s="299"/>
      <c r="Q45" s="299"/>
      <c r="R45" s="299"/>
      <c r="S45" s="299"/>
      <c r="T45" s="299"/>
      <c r="U45" s="299" t="s">
        <v>47</v>
      </c>
      <c r="V45" s="373"/>
      <c r="W45" s="374"/>
      <c r="X45" s="299"/>
      <c r="Y45" s="299"/>
      <c r="Z45" s="299"/>
      <c r="AA45" s="299"/>
      <c r="AB45" s="299"/>
      <c r="AC45" s="299"/>
      <c r="AD45" s="299" t="s">
        <v>47</v>
      </c>
      <c r="AE45" s="373"/>
      <c r="AF45" s="379"/>
      <c r="AG45" s="375"/>
      <c r="AH45" s="375"/>
      <c r="AI45" s="375"/>
      <c r="AJ45" s="375"/>
      <c r="AK45" s="375"/>
      <c r="AL45" s="375" t="s">
        <v>47</v>
      </c>
      <c r="AM45" s="376"/>
      <c r="AN45" s="374"/>
      <c r="AO45" s="299"/>
      <c r="AP45" s="299"/>
      <c r="AQ45" s="299"/>
      <c r="AR45" s="299"/>
      <c r="AS45" s="299"/>
      <c r="AT45" s="299"/>
      <c r="AU45" s="299"/>
      <c r="AV45" s="375" t="s">
        <v>47</v>
      </c>
      <c r="AW45" s="376"/>
      <c r="AX45" s="102" t="s">
        <v>293</v>
      </c>
      <c r="AY45" s="125"/>
      <c r="AZ45" s="125"/>
      <c r="BA45" s="125"/>
      <c r="BB45" s="125"/>
      <c r="BC45" s="125"/>
      <c r="BD45" s="125"/>
      <c r="BE45" s="125"/>
      <c r="BF45" s="125"/>
      <c r="BG45" s="125"/>
      <c r="BJ45" s="7"/>
      <c r="BK45" s="139"/>
      <c r="BL45" s="139"/>
      <c r="BM45" s="139"/>
      <c r="BN45" s="139"/>
      <c r="BO45" s="139"/>
      <c r="BP45" s="139"/>
      <c r="BQ45" s="139"/>
      <c r="BR45" s="139"/>
    </row>
    <row r="46" spans="4:78" ht="16.5" customHeight="1">
      <c r="D46" s="381"/>
      <c r="E46" s="382"/>
      <c r="F46" s="382"/>
      <c r="G46" s="383"/>
      <c r="H46" s="362"/>
      <c r="I46" s="363"/>
      <c r="J46" s="363"/>
      <c r="K46" s="363"/>
      <c r="L46" s="363"/>
      <c r="M46" s="364"/>
      <c r="N46" s="362"/>
      <c r="O46" s="363"/>
      <c r="P46" s="363"/>
      <c r="Q46" s="363"/>
      <c r="R46" s="363"/>
      <c r="S46" s="363"/>
      <c r="T46" s="363"/>
      <c r="U46" s="363"/>
      <c r="V46" s="364"/>
      <c r="W46" s="362"/>
      <c r="X46" s="363"/>
      <c r="Y46" s="363"/>
      <c r="Z46" s="363"/>
      <c r="AA46" s="363"/>
      <c r="AB46" s="363"/>
      <c r="AC46" s="363"/>
      <c r="AD46" s="363"/>
      <c r="AE46" s="364"/>
      <c r="AF46" s="379"/>
      <c r="AG46" s="375"/>
      <c r="AH46" s="375"/>
      <c r="AI46" s="375"/>
      <c r="AJ46" s="375"/>
      <c r="AK46" s="375"/>
      <c r="AL46" s="375"/>
      <c r="AM46" s="376"/>
      <c r="AN46" s="362"/>
      <c r="AO46" s="363"/>
      <c r="AP46" s="363"/>
      <c r="AQ46" s="363"/>
      <c r="AR46" s="363"/>
      <c r="AS46" s="363"/>
      <c r="AT46" s="363"/>
      <c r="AU46" s="363"/>
      <c r="AV46" s="375"/>
      <c r="AW46" s="376"/>
      <c r="AX46" s="6"/>
      <c r="BB46" s="209"/>
      <c r="BC46" s="209"/>
      <c r="BD46" s="209"/>
      <c r="BE46" s="209"/>
      <c r="BF46" s="209"/>
      <c r="BG46" s="209"/>
      <c r="BH46" s="209"/>
      <c r="BI46" s="102" t="s">
        <v>47</v>
      </c>
      <c r="BJ46" s="7"/>
      <c r="BK46" s="139"/>
      <c r="BL46" s="139"/>
      <c r="BM46" s="139"/>
      <c r="BN46" s="139"/>
      <c r="BO46" s="139"/>
      <c r="BP46" s="139"/>
      <c r="BQ46" s="139"/>
      <c r="BR46" s="139"/>
    </row>
    <row r="47" spans="4:78" ht="20.100000000000001" customHeight="1">
      <c r="D47" s="381"/>
      <c r="E47" s="382"/>
      <c r="F47" s="382"/>
      <c r="G47" s="383"/>
      <c r="H47" s="374" t="s">
        <v>167</v>
      </c>
      <c r="I47" s="299"/>
      <c r="J47" s="299"/>
      <c r="K47" s="299"/>
      <c r="L47" s="299"/>
      <c r="M47" s="373"/>
      <c r="N47" s="374"/>
      <c r="O47" s="299"/>
      <c r="P47" s="299"/>
      <c r="Q47" s="299"/>
      <c r="R47" s="299"/>
      <c r="S47" s="299"/>
      <c r="T47" s="299"/>
      <c r="U47" s="299" t="s">
        <v>47</v>
      </c>
      <c r="V47" s="373"/>
      <c r="W47" s="374"/>
      <c r="X47" s="299"/>
      <c r="Y47" s="299"/>
      <c r="Z47" s="299"/>
      <c r="AA47" s="299"/>
      <c r="AB47" s="299"/>
      <c r="AC47" s="299"/>
      <c r="AD47" s="299" t="s">
        <v>47</v>
      </c>
      <c r="AE47" s="373"/>
      <c r="AF47" s="379"/>
      <c r="AG47" s="375"/>
      <c r="AH47" s="375"/>
      <c r="AI47" s="375"/>
      <c r="AJ47" s="375"/>
      <c r="AK47" s="375"/>
      <c r="AL47" s="375" t="s">
        <v>47</v>
      </c>
      <c r="AM47" s="376"/>
      <c r="AN47" s="374"/>
      <c r="AO47" s="299"/>
      <c r="AP47" s="299"/>
      <c r="AQ47" s="299"/>
      <c r="AR47" s="299"/>
      <c r="AS47" s="299"/>
      <c r="AT47" s="299"/>
      <c r="AU47" s="299"/>
      <c r="AV47" s="375" t="s">
        <v>47</v>
      </c>
      <c r="AW47" s="376"/>
      <c r="AX47" s="102" t="s">
        <v>294</v>
      </c>
      <c r="AY47" s="125"/>
      <c r="AZ47" s="125"/>
      <c r="BA47" s="125"/>
      <c r="BB47" s="125"/>
      <c r="BC47" s="125"/>
      <c r="BD47" s="125"/>
      <c r="BE47" s="125"/>
      <c r="BF47" s="125"/>
      <c r="BG47" s="125"/>
      <c r="BH47" s="125"/>
      <c r="BJ47" s="7"/>
      <c r="BK47" s="139"/>
      <c r="BL47" s="139"/>
      <c r="BM47" s="139"/>
      <c r="BN47" s="139"/>
      <c r="BO47" s="139"/>
      <c r="BP47" s="139"/>
      <c r="BQ47" s="139"/>
      <c r="BR47" s="139"/>
    </row>
    <row r="48" spans="4:78" ht="16.5" customHeight="1">
      <c r="D48" s="381"/>
      <c r="E48" s="382"/>
      <c r="F48" s="382"/>
      <c r="G48" s="383"/>
      <c r="H48" s="362"/>
      <c r="I48" s="363"/>
      <c r="J48" s="363"/>
      <c r="K48" s="363"/>
      <c r="L48" s="363"/>
      <c r="M48" s="364"/>
      <c r="N48" s="362"/>
      <c r="O48" s="363"/>
      <c r="P48" s="363"/>
      <c r="Q48" s="363"/>
      <c r="R48" s="363"/>
      <c r="S48" s="363"/>
      <c r="T48" s="363"/>
      <c r="U48" s="363"/>
      <c r="V48" s="364"/>
      <c r="W48" s="362"/>
      <c r="X48" s="363"/>
      <c r="Y48" s="363"/>
      <c r="Z48" s="363"/>
      <c r="AA48" s="363"/>
      <c r="AB48" s="363"/>
      <c r="AC48" s="363"/>
      <c r="AD48" s="363"/>
      <c r="AE48" s="364"/>
      <c r="AF48" s="379"/>
      <c r="AG48" s="375"/>
      <c r="AH48" s="375"/>
      <c r="AI48" s="375"/>
      <c r="AJ48" s="375"/>
      <c r="AK48" s="375"/>
      <c r="AL48" s="375"/>
      <c r="AM48" s="376"/>
      <c r="AN48" s="362"/>
      <c r="AO48" s="363"/>
      <c r="AP48" s="363"/>
      <c r="AQ48" s="363"/>
      <c r="AR48" s="363"/>
      <c r="AS48" s="363"/>
      <c r="AT48" s="363"/>
      <c r="AU48" s="363"/>
      <c r="AV48" s="375"/>
      <c r="AW48" s="376"/>
      <c r="AX48" s="6"/>
      <c r="BB48" s="209"/>
      <c r="BC48" s="209"/>
      <c r="BD48" s="209"/>
      <c r="BE48" s="209"/>
      <c r="BF48" s="209"/>
      <c r="BG48" s="209"/>
      <c r="BH48" s="209"/>
      <c r="BI48" s="102" t="s">
        <v>47</v>
      </c>
      <c r="BJ48" s="7"/>
      <c r="BK48" s="139"/>
      <c r="BL48" s="139"/>
      <c r="BM48" s="139"/>
      <c r="BN48" s="139"/>
      <c r="BO48" s="139"/>
      <c r="BP48" s="139"/>
      <c r="BQ48" s="139"/>
      <c r="BR48" s="139"/>
    </row>
    <row r="49" spans="4:74" ht="20.100000000000001" customHeight="1">
      <c r="D49" s="381"/>
      <c r="E49" s="382"/>
      <c r="F49" s="382"/>
      <c r="G49" s="383"/>
      <c r="H49" s="387" t="s">
        <v>219</v>
      </c>
      <c r="I49" s="388"/>
      <c r="J49" s="388"/>
      <c r="K49" s="388"/>
      <c r="L49" s="388"/>
      <c r="M49" s="389"/>
      <c r="N49" s="374"/>
      <c r="O49" s="299"/>
      <c r="P49" s="299"/>
      <c r="Q49" s="299"/>
      <c r="R49" s="299"/>
      <c r="S49" s="299"/>
      <c r="T49" s="299"/>
      <c r="U49" s="299" t="s">
        <v>47</v>
      </c>
      <c r="V49" s="373"/>
      <c r="W49" s="374"/>
      <c r="X49" s="299"/>
      <c r="Y49" s="299"/>
      <c r="Z49" s="299"/>
      <c r="AA49" s="299"/>
      <c r="AB49" s="299"/>
      <c r="AC49" s="299"/>
      <c r="AD49" s="299" t="s">
        <v>47</v>
      </c>
      <c r="AE49" s="373"/>
      <c r="AF49" s="379"/>
      <c r="AG49" s="375"/>
      <c r="AH49" s="375"/>
      <c r="AI49" s="375"/>
      <c r="AJ49" s="375"/>
      <c r="AK49" s="375"/>
      <c r="AL49" s="375" t="s">
        <v>47</v>
      </c>
      <c r="AM49" s="376"/>
      <c r="AN49" s="374"/>
      <c r="AO49" s="299"/>
      <c r="AP49" s="299"/>
      <c r="AQ49" s="299"/>
      <c r="AR49" s="299"/>
      <c r="AS49" s="299"/>
      <c r="AT49" s="299"/>
      <c r="AU49" s="299"/>
      <c r="AV49" s="375" t="s">
        <v>47</v>
      </c>
      <c r="AW49" s="376"/>
      <c r="AX49" s="173" t="s">
        <v>41</v>
      </c>
      <c r="AZ49" s="209"/>
      <c r="BA49" s="209"/>
      <c r="BB49" s="209"/>
      <c r="BC49" s="209"/>
      <c r="BD49" s="209"/>
      <c r="BE49" s="209"/>
      <c r="BF49" s="209"/>
      <c r="BG49" s="209"/>
      <c r="BH49" s="102" t="s">
        <v>28</v>
      </c>
      <c r="BJ49" s="7"/>
      <c r="BK49" s="139"/>
      <c r="BL49" s="139"/>
      <c r="BM49" s="139"/>
      <c r="BN49" s="139"/>
      <c r="BO49" s="139"/>
      <c r="BP49" s="139"/>
      <c r="BQ49" s="139"/>
      <c r="BR49" s="139"/>
    </row>
    <row r="50" spans="4:74" ht="16.5" customHeight="1">
      <c r="D50" s="381"/>
      <c r="E50" s="382"/>
      <c r="F50" s="382"/>
      <c r="G50" s="383"/>
      <c r="H50" s="390"/>
      <c r="I50" s="391"/>
      <c r="J50" s="391"/>
      <c r="K50" s="391"/>
      <c r="L50" s="391"/>
      <c r="M50" s="392"/>
      <c r="N50" s="362"/>
      <c r="O50" s="363"/>
      <c r="P50" s="363"/>
      <c r="Q50" s="363"/>
      <c r="R50" s="363"/>
      <c r="S50" s="363"/>
      <c r="T50" s="363"/>
      <c r="U50" s="363"/>
      <c r="V50" s="364"/>
      <c r="W50" s="362"/>
      <c r="X50" s="363"/>
      <c r="Y50" s="363"/>
      <c r="Z50" s="363"/>
      <c r="AA50" s="363"/>
      <c r="AB50" s="363"/>
      <c r="AC50" s="363"/>
      <c r="AD50" s="363"/>
      <c r="AE50" s="364"/>
      <c r="AF50" s="379"/>
      <c r="AG50" s="375"/>
      <c r="AH50" s="375"/>
      <c r="AI50" s="375"/>
      <c r="AJ50" s="375"/>
      <c r="AK50" s="375"/>
      <c r="AL50" s="375"/>
      <c r="AM50" s="376"/>
      <c r="AN50" s="362"/>
      <c r="AO50" s="363"/>
      <c r="AP50" s="363"/>
      <c r="AQ50" s="363"/>
      <c r="AR50" s="363"/>
      <c r="AS50" s="363"/>
      <c r="AT50" s="363"/>
      <c r="AU50" s="363"/>
      <c r="AV50" s="375"/>
      <c r="AW50" s="376"/>
      <c r="AX50" s="6"/>
      <c r="BB50" s="209"/>
      <c r="BC50" s="209"/>
      <c r="BD50" s="209"/>
      <c r="BE50" s="209"/>
      <c r="BF50" s="209"/>
      <c r="BG50" s="209"/>
      <c r="BH50" s="209"/>
      <c r="BI50" s="102" t="s">
        <v>47</v>
      </c>
      <c r="BJ50" s="7"/>
      <c r="BK50" s="139"/>
      <c r="BL50" s="139"/>
      <c r="BM50" s="139"/>
      <c r="BN50" s="139"/>
      <c r="BO50" s="139"/>
      <c r="BP50" s="139"/>
      <c r="BQ50" s="139"/>
      <c r="BR50" s="139"/>
    </row>
    <row r="51" spans="4:74" ht="16.5" customHeight="1">
      <c r="D51" s="381"/>
      <c r="E51" s="382"/>
      <c r="F51" s="382"/>
      <c r="G51" s="383"/>
      <c r="H51" s="374" t="s">
        <v>64</v>
      </c>
      <c r="I51" s="299"/>
      <c r="J51" s="299"/>
      <c r="K51" s="299"/>
      <c r="L51" s="299"/>
      <c r="M51" s="373"/>
      <c r="N51" s="374"/>
      <c r="O51" s="299"/>
      <c r="P51" s="299"/>
      <c r="Q51" s="299"/>
      <c r="R51" s="299"/>
      <c r="S51" s="299"/>
      <c r="T51" s="299"/>
      <c r="U51" s="299" t="s">
        <v>47</v>
      </c>
      <c r="V51" s="373"/>
      <c r="W51" s="374"/>
      <c r="X51" s="299"/>
      <c r="Y51" s="299"/>
      <c r="Z51" s="299"/>
      <c r="AA51" s="299"/>
      <c r="AB51" s="299"/>
      <c r="AC51" s="299"/>
      <c r="AD51" s="299" t="s">
        <v>47</v>
      </c>
      <c r="AE51" s="373"/>
      <c r="AF51" s="379"/>
      <c r="AG51" s="375"/>
      <c r="AH51" s="375"/>
      <c r="AI51" s="375"/>
      <c r="AJ51" s="375"/>
      <c r="AK51" s="375"/>
      <c r="AL51" s="375" t="s">
        <v>47</v>
      </c>
      <c r="AM51" s="376"/>
      <c r="AN51" s="374"/>
      <c r="AO51" s="299"/>
      <c r="AP51" s="299"/>
      <c r="AQ51" s="299"/>
      <c r="AR51" s="299"/>
      <c r="AS51" s="299"/>
      <c r="AT51" s="299"/>
      <c r="AU51" s="299"/>
      <c r="AV51" s="375" t="s">
        <v>47</v>
      </c>
      <c r="AW51" s="376"/>
      <c r="AX51" s="6"/>
      <c r="BJ51" s="7"/>
      <c r="BK51" s="139"/>
      <c r="BL51" s="139"/>
      <c r="BM51" s="139"/>
      <c r="BN51" s="139"/>
      <c r="BO51" s="139"/>
      <c r="BP51" s="139"/>
      <c r="BQ51" s="139"/>
      <c r="BR51" s="139"/>
    </row>
    <row r="52" spans="4:74" ht="16.5" customHeight="1">
      <c r="D52" s="384"/>
      <c r="E52" s="385"/>
      <c r="F52" s="385"/>
      <c r="G52" s="386"/>
      <c r="H52" s="330"/>
      <c r="I52" s="247"/>
      <c r="J52" s="247"/>
      <c r="K52" s="247"/>
      <c r="L52" s="247"/>
      <c r="M52" s="279"/>
      <c r="N52" s="330"/>
      <c r="O52" s="247"/>
      <c r="P52" s="247"/>
      <c r="Q52" s="247"/>
      <c r="R52" s="247"/>
      <c r="S52" s="247"/>
      <c r="T52" s="247"/>
      <c r="U52" s="247"/>
      <c r="V52" s="279"/>
      <c r="W52" s="330"/>
      <c r="X52" s="247"/>
      <c r="Y52" s="247"/>
      <c r="Z52" s="247"/>
      <c r="AA52" s="247"/>
      <c r="AB52" s="247"/>
      <c r="AC52" s="247"/>
      <c r="AD52" s="247"/>
      <c r="AE52" s="279"/>
      <c r="AF52" s="380"/>
      <c r="AG52" s="377"/>
      <c r="AH52" s="377"/>
      <c r="AI52" s="377"/>
      <c r="AJ52" s="377"/>
      <c r="AK52" s="377"/>
      <c r="AL52" s="377"/>
      <c r="AM52" s="378"/>
      <c r="AN52" s="330"/>
      <c r="AO52" s="247"/>
      <c r="AP52" s="247"/>
      <c r="AQ52" s="247"/>
      <c r="AR52" s="247"/>
      <c r="AS52" s="247"/>
      <c r="AT52" s="247"/>
      <c r="AU52" s="247"/>
      <c r="AV52" s="377"/>
      <c r="AW52" s="378"/>
      <c r="AX52" s="8"/>
      <c r="AY52" s="100"/>
      <c r="AZ52" s="100"/>
      <c r="BA52" s="100"/>
      <c r="BB52" s="247"/>
      <c r="BC52" s="247"/>
      <c r="BD52" s="247"/>
      <c r="BE52" s="247"/>
      <c r="BF52" s="247"/>
      <c r="BG52" s="247"/>
      <c r="BH52" s="247"/>
      <c r="BI52" s="100"/>
      <c r="BJ52" s="9"/>
      <c r="BK52" s="139"/>
      <c r="BL52" s="139"/>
      <c r="BM52" s="139"/>
      <c r="BN52" s="139"/>
      <c r="BO52" s="139"/>
      <c r="BP52" s="139"/>
      <c r="BQ52" s="139"/>
      <c r="BR52" s="139"/>
    </row>
    <row r="53" spans="4:74" ht="20.25" customHeight="1">
      <c r="D53" s="143"/>
      <c r="E53" s="99"/>
      <c r="F53" s="158"/>
      <c r="G53" s="158"/>
      <c r="H53" s="158"/>
      <c r="I53" s="158"/>
      <c r="J53" s="158"/>
      <c r="K53" s="158"/>
      <c r="L53" s="158"/>
      <c r="M53" s="99"/>
      <c r="N53" s="99"/>
      <c r="O53" s="99"/>
      <c r="P53" s="158"/>
      <c r="Q53" s="158"/>
      <c r="R53" s="158"/>
      <c r="S53" s="158"/>
      <c r="T53" s="158"/>
      <c r="U53" s="158"/>
      <c r="V53" s="158"/>
      <c r="W53" s="158"/>
      <c r="X53" s="158"/>
      <c r="Y53" s="158"/>
      <c r="Z53" s="158"/>
      <c r="AA53" s="158"/>
      <c r="AB53" s="158"/>
      <c r="AC53" s="158"/>
      <c r="AD53" s="158"/>
      <c r="AE53" s="158"/>
      <c r="AF53" s="158"/>
      <c r="AG53" s="158"/>
      <c r="AH53" s="158"/>
      <c r="AI53" s="158"/>
      <c r="AJ53" s="158"/>
      <c r="AK53" s="158"/>
      <c r="AL53" s="158"/>
      <c r="AM53" s="158"/>
      <c r="AN53" s="158"/>
      <c r="AO53" s="158"/>
      <c r="AP53" s="158"/>
      <c r="AQ53" s="158"/>
      <c r="AR53" s="158"/>
      <c r="AS53" s="158"/>
      <c r="AT53" s="158"/>
      <c r="AU53" s="158"/>
      <c r="AV53" s="158"/>
      <c r="AW53" s="158"/>
      <c r="AX53" s="158"/>
      <c r="AY53" s="158"/>
      <c r="AZ53" s="158"/>
      <c r="BA53" s="158"/>
      <c r="BB53" s="158"/>
      <c r="BC53" s="158"/>
      <c r="BD53" s="158"/>
      <c r="BE53" s="158"/>
      <c r="BF53" s="158"/>
      <c r="BG53" s="158"/>
      <c r="BH53" s="158"/>
      <c r="BI53" s="139"/>
      <c r="BJ53" s="139"/>
      <c r="BK53" s="139"/>
      <c r="BL53" s="139"/>
      <c r="BM53" s="139"/>
      <c r="BN53" s="139"/>
      <c r="BO53" s="139"/>
      <c r="BP53" s="139"/>
    </row>
    <row r="54" spans="4:74" ht="15" customHeight="1">
      <c r="D54" s="25"/>
      <c r="E54" s="25"/>
      <c r="F54" s="33"/>
      <c r="G54" s="33"/>
      <c r="H54" s="33"/>
      <c r="I54" s="33"/>
      <c r="J54" s="33"/>
      <c r="K54" s="33"/>
      <c r="L54" s="33"/>
      <c r="M54" s="33"/>
      <c r="N54" s="33"/>
      <c r="O54" s="33"/>
    </row>
    <row r="55" spans="4:74" ht="20.100000000000001" customHeight="1">
      <c r="D55" s="331" t="s">
        <v>159</v>
      </c>
      <c r="E55" s="271"/>
      <c r="F55" s="271"/>
      <c r="G55" s="272"/>
      <c r="H55" s="344"/>
      <c r="I55" s="282"/>
      <c r="J55" s="282"/>
      <c r="K55" s="282"/>
      <c r="L55" s="282"/>
      <c r="M55" s="282"/>
      <c r="N55" s="282"/>
      <c r="O55" s="282"/>
      <c r="P55" s="282"/>
      <c r="Q55" s="282"/>
      <c r="R55" s="282"/>
      <c r="S55" s="282"/>
      <c r="T55" s="282"/>
      <c r="U55" s="282"/>
      <c r="V55" s="345"/>
      <c r="W55" s="344" t="s">
        <v>160</v>
      </c>
      <c r="X55" s="282"/>
      <c r="Y55" s="282"/>
      <c r="Z55" s="282"/>
      <c r="AA55" s="282"/>
      <c r="AB55" s="282"/>
      <c r="AC55" s="282"/>
      <c r="AD55" s="282"/>
      <c r="AE55" s="345"/>
      <c r="AF55" s="344" t="s">
        <v>161</v>
      </c>
      <c r="AG55" s="282"/>
      <c r="AH55" s="282"/>
      <c r="AI55" s="282"/>
      <c r="AJ55" s="282"/>
      <c r="AK55" s="282"/>
      <c r="AL55" s="282"/>
      <c r="AM55" s="282"/>
      <c r="AN55" s="345"/>
      <c r="AO55" s="344" t="s">
        <v>162</v>
      </c>
      <c r="AP55" s="282"/>
      <c r="AQ55" s="282"/>
      <c r="AR55" s="282"/>
      <c r="AS55" s="282"/>
      <c r="AT55" s="282"/>
      <c r="AU55" s="282"/>
      <c r="AV55" s="282"/>
      <c r="AW55" s="345"/>
      <c r="AX55" s="344" t="s">
        <v>163</v>
      </c>
      <c r="AY55" s="282"/>
      <c r="AZ55" s="282"/>
      <c r="BA55" s="282"/>
      <c r="BB55" s="282"/>
      <c r="BC55" s="282"/>
      <c r="BD55" s="282"/>
      <c r="BE55" s="282"/>
      <c r="BF55" s="345"/>
      <c r="BG55" s="66"/>
      <c r="BQ55" s="162"/>
      <c r="BR55" s="162"/>
      <c r="BS55" s="162"/>
      <c r="BT55" s="162"/>
      <c r="BU55" s="162"/>
      <c r="BV55" s="162"/>
    </row>
    <row r="56" spans="4:74" ht="20.100000000000001" customHeight="1">
      <c r="D56" s="293" t="s">
        <v>164</v>
      </c>
      <c r="E56" s="294"/>
      <c r="F56" s="294"/>
      <c r="G56" s="295"/>
      <c r="H56" s="346"/>
      <c r="I56" s="301"/>
      <c r="J56" s="301"/>
      <c r="K56" s="301"/>
      <c r="L56" s="301"/>
      <c r="M56" s="301"/>
      <c r="N56" s="301"/>
      <c r="O56" s="301"/>
      <c r="P56" s="301"/>
      <c r="Q56" s="301"/>
      <c r="R56" s="301"/>
      <c r="S56" s="301"/>
      <c r="T56" s="301"/>
      <c r="U56" s="301"/>
      <c r="V56" s="347"/>
      <c r="W56" s="346"/>
      <c r="X56" s="301"/>
      <c r="Y56" s="301"/>
      <c r="Z56" s="301"/>
      <c r="AA56" s="301"/>
      <c r="AB56" s="301"/>
      <c r="AC56" s="301"/>
      <c r="AD56" s="301"/>
      <c r="AE56" s="347"/>
      <c r="AF56" s="346"/>
      <c r="AG56" s="301"/>
      <c r="AH56" s="301"/>
      <c r="AI56" s="301"/>
      <c r="AJ56" s="301"/>
      <c r="AK56" s="301"/>
      <c r="AL56" s="301"/>
      <c r="AM56" s="301"/>
      <c r="AN56" s="347"/>
      <c r="AO56" s="346"/>
      <c r="AP56" s="301"/>
      <c r="AQ56" s="301"/>
      <c r="AR56" s="301"/>
      <c r="AS56" s="301"/>
      <c r="AT56" s="301"/>
      <c r="AU56" s="301"/>
      <c r="AV56" s="301"/>
      <c r="AW56" s="347"/>
      <c r="AX56" s="346"/>
      <c r="AY56" s="301"/>
      <c r="AZ56" s="301"/>
      <c r="BA56" s="301"/>
      <c r="BB56" s="301"/>
      <c r="BC56" s="301"/>
      <c r="BD56" s="301"/>
      <c r="BE56" s="301"/>
      <c r="BF56" s="347"/>
      <c r="BG56" s="66"/>
      <c r="BQ56" s="162"/>
      <c r="BR56" s="162"/>
      <c r="BS56" s="162"/>
      <c r="BT56" s="162"/>
      <c r="BU56" s="162"/>
      <c r="BV56" s="162"/>
    </row>
    <row r="57" spans="4:74" ht="20.100000000000001" customHeight="1">
      <c r="D57" s="293"/>
      <c r="E57" s="294"/>
      <c r="F57" s="294"/>
      <c r="G57" s="295"/>
      <c r="H57" s="344" t="s">
        <v>238</v>
      </c>
      <c r="I57" s="271"/>
      <c r="J57" s="271"/>
      <c r="K57" s="271"/>
      <c r="L57" s="271"/>
      <c r="M57" s="271"/>
      <c r="N57" s="271"/>
      <c r="O57" s="271"/>
      <c r="P57" s="271"/>
      <c r="Q57" s="271"/>
      <c r="R57" s="271"/>
      <c r="S57" s="271"/>
      <c r="T57" s="271"/>
      <c r="U57" s="271"/>
      <c r="V57" s="272"/>
      <c r="W57" s="365"/>
      <c r="X57" s="209"/>
      <c r="Y57" s="209"/>
      <c r="Z57" s="209"/>
      <c r="AA57" s="209"/>
      <c r="AB57" s="209"/>
      <c r="AC57" s="209"/>
      <c r="AD57" s="209" t="s">
        <v>47</v>
      </c>
      <c r="AE57" s="289"/>
      <c r="AF57" s="365"/>
      <c r="AG57" s="209"/>
      <c r="AH57" s="209"/>
      <c r="AI57" s="209"/>
      <c r="AJ57" s="209"/>
      <c r="AK57" s="209"/>
      <c r="AL57" s="209"/>
      <c r="AM57" s="209" t="s">
        <v>47</v>
      </c>
      <c r="AN57" s="289"/>
      <c r="AO57" s="331"/>
      <c r="AP57" s="271"/>
      <c r="AQ57" s="271"/>
      <c r="AR57" s="271"/>
      <c r="AS57" s="271"/>
      <c r="AT57" s="271"/>
      <c r="AU57" s="271"/>
      <c r="AV57" s="209" t="s">
        <v>47</v>
      </c>
      <c r="AW57" s="289"/>
      <c r="AX57" s="365"/>
      <c r="AY57" s="209"/>
      <c r="AZ57" s="209"/>
      <c r="BA57" s="209"/>
      <c r="BB57" s="209"/>
      <c r="BC57" s="209"/>
      <c r="BD57" s="209"/>
      <c r="BE57" s="209" t="s">
        <v>47</v>
      </c>
      <c r="BF57" s="289"/>
      <c r="BG57" s="66"/>
      <c r="BQ57" s="162"/>
      <c r="BR57" s="162"/>
      <c r="BS57" s="162"/>
      <c r="BT57" s="162"/>
      <c r="BU57" s="162"/>
      <c r="BV57" s="162"/>
    </row>
    <row r="58" spans="4:74" ht="20.100000000000001" customHeight="1">
      <c r="D58" s="293"/>
      <c r="E58" s="294"/>
      <c r="F58" s="294"/>
      <c r="G58" s="295"/>
      <c r="H58" s="365"/>
      <c r="I58" s="209"/>
      <c r="J58" s="209"/>
      <c r="K58" s="209"/>
      <c r="L58" s="209"/>
      <c r="M58" s="209"/>
      <c r="N58" s="209"/>
      <c r="O58" s="209"/>
      <c r="P58" s="209"/>
      <c r="Q58" s="209"/>
      <c r="R58" s="209"/>
      <c r="S58" s="209"/>
      <c r="T58" s="209"/>
      <c r="U58" s="209"/>
      <c r="V58" s="289"/>
      <c r="W58" s="362"/>
      <c r="X58" s="363"/>
      <c r="Y58" s="363"/>
      <c r="Z58" s="363"/>
      <c r="AA58" s="363"/>
      <c r="AB58" s="363"/>
      <c r="AC58" s="363"/>
      <c r="AD58" s="363"/>
      <c r="AE58" s="364"/>
      <c r="AF58" s="362"/>
      <c r="AG58" s="363"/>
      <c r="AH58" s="363"/>
      <c r="AI58" s="363"/>
      <c r="AJ58" s="363"/>
      <c r="AK58" s="363"/>
      <c r="AL58" s="363"/>
      <c r="AM58" s="363"/>
      <c r="AN58" s="364"/>
      <c r="AO58" s="362"/>
      <c r="AP58" s="363"/>
      <c r="AQ58" s="363"/>
      <c r="AR58" s="363"/>
      <c r="AS58" s="363"/>
      <c r="AT58" s="363"/>
      <c r="AU58" s="363"/>
      <c r="AV58" s="363"/>
      <c r="AW58" s="364"/>
      <c r="AX58" s="362"/>
      <c r="AY58" s="363"/>
      <c r="AZ58" s="363"/>
      <c r="BA58" s="363"/>
      <c r="BB58" s="363"/>
      <c r="BC58" s="363"/>
      <c r="BD58" s="363"/>
      <c r="BE58" s="363"/>
      <c r="BF58" s="364"/>
      <c r="BG58" s="66"/>
      <c r="BQ58" s="162"/>
      <c r="BR58" s="162"/>
      <c r="BS58" s="162"/>
      <c r="BT58" s="162"/>
      <c r="BU58" s="162"/>
      <c r="BV58" s="162"/>
    </row>
    <row r="59" spans="4:74" ht="20.100000000000001" customHeight="1">
      <c r="D59" s="366" t="s">
        <v>222</v>
      </c>
      <c r="E59" s="367"/>
      <c r="F59" s="367"/>
      <c r="G59" s="368"/>
      <c r="H59" s="372" t="s">
        <v>239</v>
      </c>
      <c r="I59" s="299"/>
      <c r="J59" s="299"/>
      <c r="K59" s="299"/>
      <c r="L59" s="299"/>
      <c r="M59" s="299"/>
      <c r="N59" s="299"/>
      <c r="O59" s="299"/>
      <c r="P59" s="299"/>
      <c r="Q59" s="299"/>
      <c r="R59" s="299"/>
      <c r="S59" s="299"/>
      <c r="T59" s="299"/>
      <c r="U59" s="299"/>
      <c r="V59" s="373"/>
      <c r="W59" s="365"/>
      <c r="X59" s="209"/>
      <c r="Y59" s="209"/>
      <c r="Z59" s="209"/>
      <c r="AA59" s="209"/>
      <c r="AB59" s="209"/>
      <c r="AC59" s="209"/>
      <c r="AD59" s="209" t="s">
        <v>47</v>
      </c>
      <c r="AE59" s="289"/>
      <c r="AF59" s="365"/>
      <c r="AG59" s="209"/>
      <c r="AH59" s="209"/>
      <c r="AI59" s="209"/>
      <c r="AJ59" s="209"/>
      <c r="AK59" s="209"/>
      <c r="AL59" s="209"/>
      <c r="AM59" s="209" t="s">
        <v>47</v>
      </c>
      <c r="AN59" s="289"/>
      <c r="AO59" s="365"/>
      <c r="AP59" s="209"/>
      <c r="AQ59" s="209"/>
      <c r="AR59" s="209"/>
      <c r="AS59" s="209"/>
      <c r="AT59" s="209"/>
      <c r="AU59" s="209"/>
      <c r="AV59" s="209" t="s">
        <v>47</v>
      </c>
      <c r="AW59" s="289"/>
      <c r="AX59" s="374"/>
      <c r="AY59" s="299"/>
      <c r="AZ59" s="299"/>
      <c r="BA59" s="299"/>
      <c r="BB59" s="299"/>
      <c r="BC59" s="299"/>
      <c r="BD59" s="299"/>
      <c r="BE59" s="299" t="s">
        <v>47</v>
      </c>
      <c r="BF59" s="373"/>
      <c r="BG59" s="37"/>
      <c r="BH59" s="139"/>
      <c r="BI59" s="139"/>
      <c r="BJ59" s="139"/>
      <c r="BK59" s="139"/>
      <c r="BL59" s="139"/>
      <c r="BM59" s="139"/>
      <c r="BN59" s="139"/>
      <c r="BO59" s="139"/>
      <c r="BP59" s="139"/>
      <c r="BQ59" s="139"/>
      <c r="BR59" s="139"/>
      <c r="BS59" s="139"/>
      <c r="BT59" s="139"/>
      <c r="BU59" s="139"/>
    </row>
    <row r="60" spans="4:74" ht="20.100000000000001" customHeight="1">
      <c r="D60" s="369"/>
      <c r="E60" s="370"/>
      <c r="F60" s="370"/>
      <c r="G60" s="371"/>
      <c r="H60" s="330"/>
      <c r="I60" s="247"/>
      <c r="J60" s="247"/>
      <c r="K60" s="247"/>
      <c r="L60" s="247"/>
      <c r="M60" s="247"/>
      <c r="N60" s="247"/>
      <c r="O60" s="247"/>
      <c r="P60" s="247"/>
      <c r="Q60" s="247"/>
      <c r="R60" s="247"/>
      <c r="S60" s="247"/>
      <c r="T60" s="247"/>
      <c r="U60" s="247"/>
      <c r="V60" s="279"/>
      <c r="W60" s="362"/>
      <c r="X60" s="363"/>
      <c r="Y60" s="363"/>
      <c r="Z60" s="363"/>
      <c r="AA60" s="363"/>
      <c r="AB60" s="363"/>
      <c r="AC60" s="363"/>
      <c r="AD60" s="363"/>
      <c r="AE60" s="364"/>
      <c r="AF60" s="362"/>
      <c r="AG60" s="363"/>
      <c r="AH60" s="363"/>
      <c r="AI60" s="363"/>
      <c r="AJ60" s="363"/>
      <c r="AK60" s="363"/>
      <c r="AL60" s="363"/>
      <c r="AM60" s="363"/>
      <c r="AN60" s="364"/>
      <c r="AO60" s="362"/>
      <c r="AP60" s="363"/>
      <c r="AQ60" s="363"/>
      <c r="AR60" s="363"/>
      <c r="AS60" s="363"/>
      <c r="AT60" s="363"/>
      <c r="AU60" s="363"/>
      <c r="AV60" s="363"/>
      <c r="AW60" s="364"/>
      <c r="AX60" s="330"/>
      <c r="AY60" s="247"/>
      <c r="AZ60" s="247"/>
      <c r="BA60" s="247"/>
      <c r="BB60" s="247"/>
      <c r="BC60" s="247"/>
      <c r="BD60" s="247"/>
      <c r="BE60" s="247"/>
      <c r="BF60" s="279"/>
      <c r="BG60" s="37"/>
      <c r="BH60" s="139"/>
      <c r="BI60" s="139"/>
      <c r="BJ60" s="139"/>
      <c r="BK60" s="139"/>
      <c r="BL60" s="139"/>
      <c r="BM60" s="139"/>
      <c r="BN60" s="139"/>
      <c r="BO60" s="139"/>
      <c r="BP60" s="139"/>
      <c r="BQ60" s="139"/>
      <c r="BR60" s="139"/>
      <c r="BS60" s="139"/>
      <c r="BT60" s="139"/>
      <c r="BU60" s="139"/>
    </row>
    <row r="61" spans="4:74" ht="20.25" customHeight="1">
      <c r="D61" s="143"/>
      <c r="E61" s="99"/>
      <c r="F61" s="158"/>
      <c r="G61" s="158"/>
      <c r="H61" s="158"/>
      <c r="I61" s="158"/>
      <c r="J61" s="158"/>
      <c r="K61" s="158"/>
      <c r="L61" s="158"/>
      <c r="M61" s="99"/>
      <c r="N61" s="99"/>
      <c r="O61" s="99"/>
      <c r="P61" s="158"/>
      <c r="Q61" s="158"/>
      <c r="R61" s="158"/>
      <c r="S61" s="158"/>
      <c r="T61" s="158"/>
      <c r="U61" s="158"/>
      <c r="V61" s="158"/>
      <c r="W61" s="158"/>
      <c r="X61" s="158"/>
      <c r="Y61" s="158"/>
      <c r="Z61" s="158"/>
      <c r="AA61" s="158"/>
      <c r="AB61" s="158"/>
      <c r="AC61" s="158"/>
      <c r="AD61" s="158"/>
      <c r="AE61" s="158"/>
      <c r="AF61" s="158"/>
      <c r="AG61" s="158"/>
      <c r="AH61" s="158"/>
      <c r="AI61" s="158"/>
      <c r="AJ61" s="158"/>
      <c r="AK61" s="158"/>
      <c r="AL61" s="158"/>
      <c r="AM61" s="158"/>
      <c r="AN61" s="158"/>
      <c r="AO61" s="158"/>
      <c r="AP61" s="158"/>
      <c r="AQ61" s="158"/>
      <c r="AR61" s="158"/>
      <c r="AS61" s="158"/>
      <c r="AT61" s="158"/>
      <c r="AU61" s="158"/>
      <c r="AV61" s="158"/>
      <c r="AW61" s="158"/>
      <c r="AX61" s="139"/>
      <c r="AY61" s="139"/>
      <c r="AZ61" s="139"/>
      <c r="BA61" s="139"/>
      <c r="BB61" s="139"/>
      <c r="BC61" s="139"/>
      <c r="BD61" s="139"/>
      <c r="BE61" s="139"/>
      <c r="BF61" s="139"/>
      <c r="BG61" s="139"/>
      <c r="BH61" s="139"/>
      <c r="BI61" s="139"/>
      <c r="BJ61" s="139"/>
      <c r="BK61" s="139"/>
      <c r="BL61" s="139"/>
      <c r="BM61" s="139"/>
      <c r="BN61" s="139"/>
      <c r="BO61" s="139"/>
      <c r="BP61" s="139"/>
    </row>
    <row r="62" spans="4:74" ht="15" customHeight="1">
      <c r="F62" s="139"/>
      <c r="G62" s="139"/>
      <c r="H62" s="139"/>
      <c r="I62" s="139"/>
      <c r="J62" s="139"/>
      <c r="K62" s="139"/>
      <c r="L62" s="139"/>
      <c r="P62" s="139"/>
      <c r="Q62" s="139"/>
      <c r="R62" s="139"/>
      <c r="S62" s="139"/>
      <c r="T62" s="139"/>
      <c r="U62" s="139"/>
      <c r="V62" s="139"/>
      <c r="W62" s="139"/>
      <c r="X62" s="139"/>
      <c r="Y62" s="139"/>
      <c r="Z62" s="139"/>
      <c r="AA62" s="139"/>
      <c r="AB62" s="139"/>
      <c r="AC62" s="139"/>
      <c r="AD62" s="139"/>
      <c r="AE62" s="139"/>
      <c r="AF62" s="139"/>
      <c r="AG62" s="139"/>
      <c r="AH62" s="139"/>
      <c r="AI62" s="139"/>
      <c r="AJ62" s="139"/>
      <c r="AK62" s="139"/>
      <c r="AL62" s="139"/>
      <c r="AM62" s="139"/>
      <c r="AN62" s="139"/>
      <c r="AO62" s="139"/>
      <c r="AP62" s="139"/>
      <c r="AQ62" s="139"/>
      <c r="AR62" s="139"/>
      <c r="AS62" s="139"/>
      <c r="AT62" s="139"/>
      <c r="AU62" s="139"/>
      <c r="AV62" s="139"/>
      <c r="AW62" s="139"/>
      <c r="AX62" s="139"/>
      <c r="AY62" s="139"/>
      <c r="AZ62" s="139"/>
      <c r="BA62" s="139"/>
      <c r="BB62" s="139"/>
      <c r="BC62" s="139"/>
      <c r="BD62" s="139"/>
      <c r="BE62" s="139"/>
      <c r="BF62" s="139"/>
      <c r="BG62" s="139"/>
      <c r="BH62" s="139"/>
      <c r="BI62" s="139"/>
      <c r="BJ62" s="139"/>
      <c r="BK62" s="139"/>
      <c r="BL62" s="139"/>
      <c r="BM62" s="139"/>
      <c r="BN62" s="139"/>
      <c r="BO62" s="139"/>
      <c r="BP62" s="139"/>
    </row>
    <row r="63" spans="4:74" ht="24.9" customHeight="1">
      <c r="D63" s="359"/>
      <c r="E63" s="359"/>
      <c r="F63" s="359"/>
      <c r="G63" s="359"/>
      <c r="H63" s="359"/>
      <c r="I63" s="359"/>
      <c r="J63" s="359"/>
      <c r="K63" s="276" t="s">
        <v>59</v>
      </c>
      <c r="L63" s="273"/>
      <c r="M63" s="273"/>
      <c r="N63" s="273"/>
      <c r="O63" s="273"/>
      <c r="P63" s="277"/>
      <c r="Q63" s="276" t="s">
        <v>60</v>
      </c>
      <c r="R63" s="273"/>
      <c r="S63" s="273"/>
      <c r="T63" s="273"/>
      <c r="U63" s="273"/>
      <c r="V63" s="277"/>
      <c r="W63" s="276" t="s">
        <v>61</v>
      </c>
      <c r="X63" s="273"/>
      <c r="Y63" s="273"/>
      <c r="Z63" s="273"/>
      <c r="AA63" s="273"/>
      <c r="AB63" s="277"/>
      <c r="AC63" s="276" t="s">
        <v>62</v>
      </c>
      <c r="AD63" s="273"/>
      <c r="AE63" s="273"/>
      <c r="AF63" s="273"/>
      <c r="AG63" s="273"/>
      <c r="AH63" s="277"/>
      <c r="AI63" s="276" t="s">
        <v>166</v>
      </c>
      <c r="AJ63" s="273"/>
      <c r="AK63" s="273"/>
      <c r="AL63" s="273"/>
      <c r="AM63" s="273"/>
      <c r="AN63" s="277"/>
      <c r="AO63" s="276" t="s">
        <v>167</v>
      </c>
      <c r="AP63" s="273"/>
      <c r="AQ63" s="273"/>
      <c r="AR63" s="273"/>
      <c r="AS63" s="273"/>
      <c r="AT63" s="277"/>
      <c r="AU63" s="360" t="s">
        <v>168</v>
      </c>
      <c r="AV63" s="361"/>
      <c r="AW63" s="361"/>
      <c r="AX63" s="361"/>
      <c r="AY63" s="361"/>
      <c r="AZ63" s="361"/>
      <c r="BA63" s="361"/>
      <c r="BB63" s="276" t="s">
        <v>64</v>
      </c>
      <c r="BC63" s="273"/>
      <c r="BD63" s="273"/>
      <c r="BE63" s="273"/>
      <c r="BF63" s="273"/>
      <c r="BG63" s="277"/>
      <c r="BH63" s="359" t="s">
        <v>63</v>
      </c>
      <c r="BI63" s="359"/>
      <c r="BJ63" s="359"/>
      <c r="BK63" s="359"/>
      <c r="BL63" s="359"/>
      <c r="BM63" s="359"/>
      <c r="BN63" s="359"/>
    </row>
    <row r="64" spans="4:74" ht="30.75" customHeight="1">
      <c r="D64" s="359" t="s">
        <v>240</v>
      </c>
      <c r="E64" s="359"/>
      <c r="F64" s="359"/>
      <c r="G64" s="359"/>
      <c r="H64" s="359"/>
      <c r="I64" s="359"/>
      <c r="J64" s="359"/>
      <c r="K64" s="276"/>
      <c r="L64" s="273"/>
      <c r="M64" s="273"/>
      <c r="N64" s="273"/>
      <c r="O64" s="273"/>
      <c r="P64" s="277"/>
      <c r="Q64" s="276"/>
      <c r="R64" s="273"/>
      <c r="S64" s="273"/>
      <c r="T64" s="273"/>
      <c r="U64" s="273"/>
      <c r="V64" s="277"/>
      <c r="W64" s="276"/>
      <c r="X64" s="273"/>
      <c r="Y64" s="273"/>
      <c r="Z64" s="273"/>
      <c r="AA64" s="273"/>
      <c r="AB64" s="277"/>
      <c r="AC64" s="276"/>
      <c r="AD64" s="273"/>
      <c r="AE64" s="273"/>
      <c r="AF64" s="273"/>
      <c r="AG64" s="273"/>
      <c r="AH64" s="277"/>
      <c r="AI64" s="276"/>
      <c r="AJ64" s="273"/>
      <c r="AK64" s="273"/>
      <c r="AL64" s="273"/>
      <c r="AM64" s="273"/>
      <c r="AN64" s="277"/>
      <c r="AO64" s="276"/>
      <c r="AP64" s="273"/>
      <c r="AQ64" s="273"/>
      <c r="AR64" s="273"/>
      <c r="AS64" s="273"/>
      <c r="AT64" s="277"/>
      <c r="AU64" s="359"/>
      <c r="AV64" s="359"/>
      <c r="AW64" s="359"/>
      <c r="AX64" s="359"/>
      <c r="AY64" s="359"/>
      <c r="AZ64" s="359"/>
      <c r="BA64" s="359"/>
      <c r="BB64" s="276"/>
      <c r="BC64" s="273"/>
      <c r="BD64" s="273"/>
      <c r="BE64" s="273"/>
      <c r="BF64" s="273"/>
      <c r="BG64" s="277"/>
      <c r="BH64" s="359"/>
      <c r="BI64" s="359"/>
      <c r="BJ64" s="359"/>
      <c r="BK64" s="359"/>
      <c r="BL64" s="359"/>
      <c r="BM64" s="359"/>
      <c r="BN64" s="359"/>
    </row>
    <row r="65" spans="4:81" ht="21" customHeight="1">
      <c r="M65" s="139"/>
      <c r="N65" s="139"/>
      <c r="O65" s="139"/>
      <c r="P65" s="139"/>
      <c r="Q65" s="139"/>
      <c r="R65" s="139"/>
      <c r="S65" s="139"/>
      <c r="T65" s="139"/>
      <c r="U65" s="139"/>
      <c r="V65" s="139"/>
      <c r="W65" s="139"/>
      <c r="X65" s="139"/>
      <c r="Y65" s="139"/>
      <c r="Z65" s="139"/>
      <c r="AA65" s="139"/>
      <c r="AB65" s="139"/>
      <c r="AC65" s="139"/>
      <c r="AD65" s="139"/>
      <c r="AE65" s="139"/>
      <c r="AF65" s="139"/>
      <c r="AG65" s="139"/>
      <c r="AH65" s="139"/>
      <c r="AI65" s="139"/>
      <c r="AJ65" s="139"/>
      <c r="AK65" s="139"/>
      <c r="AL65" s="139"/>
      <c r="AM65" s="38"/>
      <c r="AN65" s="38"/>
      <c r="AO65" s="35"/>
      <c r="AP65" s="35"/>
      <c r="AQ65" s="38"/>
      <c r="AR65" s="38"/>
      <c r="AS65" s="38"/>
      <c r="AT65" s="38"/>
      <c r="AU65" s="38"/>
      <c r="AV65" s="38"/>
      <c r="AW65" s="38"/>
      <c r="AX65" s="38"/>
      <c r="AY65" s="38"/>
      <c r="AZ65" s="38"/>
      <c r="BA65" s="38"/>
      <c r="BB65" s="38"/>
      <c r="BC65" s="38"/>
      <c r="BD65" s="38"/>
      <c r="BE65" s="38"/>
      <c r="BF65" s="38"/>
      <c r="BG65" s="38"/>
      <c r="BH65" s="38"/>
      <c r="BI65" s="38"/>
      <c r="BJ65" s="38"/>
      <c r="BK65" s="38"/>
      <c r="BL65" s="38"/>
      <c r="BM65" s="38"/>
      <c r="BN65" s="139"/>
      <c r="BO65" s="139"/>
      <c r="BP65" s="139"/>
      <c r="BQ65" s="139"/>
      <c r="BR65" s="139"/>
      <c r="BS65" s="139"/>
      <c r="BT65" s="139"/>
      <c r="BU65" s="139"/>
      <c r="BV65" s="139"/>
      <c r="BW65" s="139"/>
    </row>
    <row r="66" spans="4:81" ht="24" customHeight="1">
      <c r="D66" s="194"/>
      <c r="E66" s="35" t="s">
        <v>242</v>
      </c>
      <c r="F66" s="35"/>
      <c r="G66" s="35"/>
      <c r="H66" s="35"/>
      <c r="I66" s="35"/>
      <c r="J66" s="35"/>
      <c r="K66" s="35"/>
      <c r="L66" s="35"/>
      <c r="M66" s="38"/>
      <c r="N66" s="38"/>
      <c r="O66" s="38"/>
      <c r="P66" s="38"/>
      <c r="Q66" s="38"/>
      <c r="R66" s="38"/>
      <c r="S66" s="38"/>
      <c r="T66" s="38"/>
      <c r="U66" s="38"/>
      <c r="V66" s="38"/>
      <c r="W66" s="38"/>
      <c r="X66" s="38"/>
      <c r="Y66" s="38"/>
      <c r="Z66" s="38"/>
      <c r="AA66" s="38"/>
      <c r="AB66" s="38"/>
      <c r="AC66" s="38"/>
      <c r="AD66" s="38"/>
      <c r="AE66" s="38"/>
      <c r="AF66" s="38"/>
      <c r="AG66" s="38"/>
      <c r="AH66" s="38"/>
      <c r="AI66" s="38"/>
      <c r="AJ66" s="38"/>
      <c r="AK66" s="38"/>
      <c r="AL66" s="38"/>
      <c r="AM66" s="38"/>
      <c r="AN66" s="38"/>
      <c r="AO66" s="38"/>
      <c r="AP66" s="38"/>
      <c r="AQ66" s="35"/>
      <c r="AR66" s="35" t="s">
        <v>289</v>
      </c>
      <c r="AV66" s="209"/>
      <c r="AW66" s="209"/>
      <c r="AX66" s="209"/>
      <c r="AY66" s="102" t="s">
        <v>3</v>
      </c>
      <c r="BA66" s="209"/>
      <c r="BB66" s="209"/>
      <c r="BC66" s="209"/>
      <c r="BD66" s="135" t="s">
        <v>4</v>
      </c>
      <c r="BF66" s="209"/>
      <c r="BG66" s="209"/>
      <c r="BH66" s="209"/>
      <c r="BI66" s="102" t="s">
        <v>81</v>
      </c>
      <c r="BM66" s="29"/>
      <c r="BN66" s="39"/>
      <c r="BO66" s="139"/>
      <c r="BP66" s="139"/>
      <c r="BQ66" s="139"/>
      <c r="BR66" s="139"/>
      <c r="BS66" s="139"/>
      <c r="BT66" s="139"/>
      <c r="BU66" s="139"/>
      <c r="BV66" s="139"/>
      <c r="BW66" s="139"/>
      <c r="BX66" s="139"/>
      <c r="BY66" s="139"/>
      <c r="BZ66" s="139"/>
      <c r="CA66" s="139"/>
      <c r="CB66" s="139"/>
      <c r="CC66" s="139"/>
    </row>
    <row r="67" spans="4:81" ht="51.75" customHeight="1">
      <c r="D67" s="353"/>
      <c r="E67" s="354"/>
      <c r="F67" s="354"/>
      <c r="G67" s="354"/>
      <c r="H67" s="354"/>
      <c r="I67" s="354"/>
      <c r="J67" s="354"/>
      <c r="K67" s="354"/>
      <c r="L67" s="354"/>
      <c r="M67" s="354"/>
      <c r="N67" s="354"/>
      <c r="O67" s="354"/>
      <c r="P67" s="354"/>
      <c r="Q67" s="354"/>
      <c r="R67" s="354"/>
      <c r="S67" s="354"/>
      <c r="T67" s="354"/>
      <c r="U67" s="355"/>
      <c r="V67" s="348" t="s">
        <v>59</v>
      </c>
      <c r="W67" s="349"/>
      <c r="X67" s="349"/>
      <c r="Y67" s="349"/>
      <c r="Z67" s="350"/>
      <c r="AA67" s="348" t="s">
        <v>60</v>
      </c>
      <c r="AB67" s="349"/>
      <c r="AC67" s="349"/>
      <c r="AD67" s="349"/>
      <c r="AE67" s="350"/>
      <c r="AF67" s="348" t="s">
        <v>61</v>
      </c>
      <c r="AG67" s="349"/>
      <c r="AH67" s="349"/>
      <c r="AI67" s="349"/>
      <c r="AJ67" s="350"/>
      <c r="AK67" s="348" t="s">
        <v>62</v>
      </c>
      <c r="AL67" s="349"/>
      <c r="AM67" s="349"/>
      <c r="AN67" s="349"/>
      <c r="AO67" s="350"/>
      <c r="AP67" s="348" t="s">
        <v>166</v>
      </c>
      <c r="AQ67" s="349"/>
      <c r="AR67" s="349"/>
      <c r="AS67" s="349"/>
      <c r="AT67" s="350"/>
      <c r="AU67" s="348" t="s">
        <v>167</v>
      </c>
      <c r="AV67" s="349"/>
      <c r="AW67" s="349"/>
      <c r="AX67" s="349"/>
      <c r="AY67" s="350"/>
      <c r="AZ67" s="356" t="s">
        <v>170</v>
      </c>
      <c r="BA67" s="357"/>
      <c r="BB67" s="357"/>
      <c r="BC67" s="357"/>
      <c r="BD67" s="358"/>
      <c r="BE67" s="348" t="s">
        <v>64</v>
      </c>
      <c r="BF67" s="349"/>
      <c r="BG67" s="349"/>
      <c r="BH67" s="349"/>
      <c r="BI67" s="350"/>
      <c r="BJ67" s="348" t="s">
        <v>63</v>
      </c>
      <c r="BK67" s="349"/>
      <c r="BL67" s="349"/>
      <c r="BM67" s="349"/>
      <c r="BN67" s="350"/>
      <c r="BO67" s="139"/>
      <c r="BP67" s="139"/>
      <c r="BQ67" s="139"/>
      <c r="BR67" s="139"/>
      <c r="BS67" s="139"/>
      <c r="BT67" s="139"/>
      <c r="BU67" s="139"/>
      <c r="BV67" s="139"/>
      <c r="BW67" s="139"/>
    </row>
    <row r="68" spans="4:81" ht="30.75" customHeight="1">
      <c r="D68" s="194" t="s">
        <v>65</v>
      </c>
      <c r="E68" s="35"/>
      <c r="F68" s="35"/>
      <c r="G68" s="35"/>
      <c r="H68" s="35"/>
      <c r="I68" s="35"/>
      <c r="J68" s="35"/>
      <c r="K68" s="35"/>
      <c r="L68" s="35"/>
      <c r="M68" s="35"/>
      <c r="N68" s="35"/>
      <c r="O68" s="35"/>
      <c r="P68" s="35"/>
      <c r="Q68" s="35"/>
      <c r="R68" s="35"/>
      <c r="S68" s="35"/>
      <c r="T68" s="35"/>
      <c r="U68" s="35"/>
      <c r="V68" s="276"/>
      <c r="W68" s="273"/>
      <c r="X68" s="273"/>
      <c r="Y68" s="273"/>
      <c r="Z68" s="277"/>
      <c r="AA68" s="276"/>
      <c r="AB68" s="273"/>
      <c r="AC68" s="273"/>
      <c r="AD68" s="273"/>
      <c r="AE68" s="277"/>
      <c r="AF68" s="276"/>
      <c r="AG68" s="273"/>
      <c r="AH68" s="273"/>
      <c r="AI68" s="273"/>
      <c r="AJ68" s="277"/>
      <c r="AK68" s="276"/>
      <c r="AL68" s="273"/>
      <c r="AM68" s="273"/>
      <c r="AN68" s="273"/>
      <c r="AO68" s="277"/>
      <c r="AP68" s="276"/>
      <c r="AQ68" s="273"/>
      <c r="AR68" s="273"/>
      <c r="AS68" s="273"/>
      <c r="AT68" s="277"/>
      <c r="AU68" s="276"/>
      <c r="AV68" s="273"/>
      <c r="AW68" s="273"/>
      <c r="AX68" s="273"/>
      <c r="AY68" s="277"/>
      <c r="AZ68" s="276"/>
      <c r="BA68" s="273"/>
      <c r="BB68" s="273"/>
      <c r="BC68" s="273"/>
      <c r="BD68" s="277"/>
      <c r="BE68" s="276"/>
      <c r="BF68" s="273"/>
      <c r="BG68" s="273"/>
      <c r="BH68" s="273"/>
      <c r="BI68" s="277"/>
      <c r="BJ68" s="276"/>
      <c r="BK68" s="273"/>
      <c r="BL68" s="273"/>
      <c r="BM68" s="273"/>
      <c r="BN68" s="277"/>
      <c r="BO68" s="139"/>
      <c r="BP68" s="139"/>
      <c r="BQ68" s="139"/>
      <c r="BR68" s="139"/>
      <c r="BS68" s="139"/>
      <c r="BT68" s="139"/>
      <c r="BU68" s="139"/>
      <c r="BV68" s="139"/>
      <c r="BW68" s="139"/>
    </row>
    <row r="69" spans="4:81" ht="30.75" customHeight="1">
      <c r="D69" s="194" t="s">
        <v>66</v>
      </c>
      <c r="E69" s="35"/>
      <c r="F69" s="35"/>
      <c r="G69" s="35"/>
      <c r="H69" s="35"/>
      <c r="I69" s="35"/>
      <c r="J69" s="35"/>
      <c r="K69" s="35"/>
      <c r="L69" s="35"/>
      <c r="M69" s="35"/>
      <c r="N69" s="35"/>
      <c r="O69" s="35"/>
      <c r="P69" s="35"/>
      <c r="Q69" s="35"/>
      <c r="R69" s="35"/>
      <c r="S69" s="35"/>
      <c r="T69" s="35"/>
      <c r="U69" s="35"/>
      <c r="V69" s="276"/>
      <c r="W69" s="273"/>
      <c r="X69" s="273"/>
      <c r="Y69" s="273"/>
      <c r="Z69" s="277"/>
      <c r="AA69" s="276"/>
      <c r="AB69" s="273"/>
      <c r="AC69" s="273"/>
      <c r="AD69" s="273"/>
      <c r="AE69" s="277"/>
      <c r="AF69" s="276"/>
      <c r="AG69" s="273"/>
      <c r="AH69" s="273"/>
      <c r="AI69" s="273"/>
      <c r="AJ69" s="277"/>
      <c r="AK69" s="276"/>
      <c r="AL69" s="273"/>
      <c r="AM69" s="273"/>
      <c r="AN69" s="273"/>
      <c r="AO69" s="277"/>
      <c r="AP69" s="276"/>
      <c r="AQ69" s="273"/>
      <c r="AR69" s="273"/>
      <c r="AS69" s="273"/>
      <c r="AT69" s="277"/>
      <c r="AU69" s="276"/>
      <c r="AV69" s="273"/>
      <c r="AW69" s="273"/>
      <c r="AX69" s="273"/>
      <c r="AY69" s="277"/>
      <c r="AZ69" s="276"/>
      <c r="BA69" s="273"/>
      <c r="BB69" s="273"/>
      <c r="BC69" s="273"/>
      <c r="BD69" s="277"/>
      <c r="BE69" s="276"/>
      <c r="BF69" s="273"/>
      <c r="BG69" s="273"/>
      <c r="BH69" s="273"/>
      <c r="BI69" s="277"/>
      <c r="BJ69" s="276"/>
      <c r="BK69" s="273"/>
      <c r="BL69" s="273"/>
      <c r="BM69" s="273"/>
      <c r="BN69" s="277"/>
      <c r="BQ69" s="135"/>
      <c r="BR69" s="135"/>
      <c r="BS69" s="135"/>
      <c r="BT69" s="135"/>
      <c r="BW69" s="135"/>
    </row>
    <row r="70" spans="4:81" ht="30.75" customHeight="1">
      <c r="D70" s="194" t="s">
        <v>67</v>
      </c>
      <c r="E70" s="35"/>
      <c r="F70" s="35"/>
      <c r="G70" s="35"/>
      <c r="H70" s="35"/>
      <c r="I70" s="35"/>
      <c r="J70" s="35"/>
      <c r="K70" s="35"/>
      <c r="L70" s="35"/>
      <c r="M70" s="35"/>
      <c r="N70" s="35"/>
      <c r="O70" s="35"/>
      <c r="P70" s="35"/>
      <c r="Q70" s="35"/>
      <c r="R70" s="35"/>
      <c r="S70" s="35"/>
      <c r="T70" s="35"/>
      <c r="U70" s="35"/>
      <c r="V70" s="276"/>
      <c r="W70" s="273"/>
      <c r="X70" s="273"/>
      <c r="Y70" s="273"/>
      <c r="Z70" s="277"/>
      <c r="AA70" s="276"/>
      <c r="AB70" s="273"/>
      <c r="AC70" s="273"/>
      <c r="AD70" s="273"/>
      <c r="AE70" s="277"/>
      <c r="AF70" s="276"/>
      <c r="AG70" s="273"/>
      <c r="AH70" s="273"/>
      <c r="AI70" s="273"/>
      <c r="AJ70" s="277"/>
      <c r="AK70" s="276"/>
      <c r="AL70" s="273"/>
      <c r="AM70" s="273"/>
      <c r="AN70" s="273"/>
      <c r="AO70" s="277"/>
      <c r="AP70" s="276"/>
      <c r="AQ70" s="273"/>
      <c r="AR70" s="273"/>
      <c r="AS70" s="273"/>
      <c r="AT70" s="277"/>
      <c r="AU70" s="276"/>
      <c r="AV70" s="273"/>
      <c r="AW70" s="273"/>
      <c r="AX70" s="273"/>
      <c r="AY70" s="277"/>
      <c r="AZ70" s="276"/>
      <c r="BA70" s="273"/>
      <c r="BB70" s="273"/>
      <c r="BC70" s="273"/>
      <c r="BD70" s="277"/>
      <c r="BE70" s="276"/>
      <c r="BF70" s="273"/>
      <c r="BG70" s="273"/>
      <c r="BH70" s="273"/>
      <c r="BI70" s="277"/>
      <c r="BJ70" s="276"/>
      <c r="BK70" s="273"/>
      <c r="BL70" s="273"/>
      <c r="BM70" s="273"/>
      <c r="BN70" s="277"/>
      <c r="BQ70" s="135"/>
      <c r="BR70" s="135"/>
      <c r="BS70" s="135"/>
      <c r="BT70" s="135"/>
      <c r="BW70" s="135"/>
    </row>
    <row r="71" spans="4:81" ht="30.75" customHeight="1">
      <c r="D71" s="194" t="s">
        <v>68</v>
      </c>
      <c r="E71" s="35"/>
      <c r="F71" s="35"/>
      <c r="G71" s="35"/>
      <c r="H71" s="35"/>
      <c r="I71" s="35"/>
      <c r="J71" s="35"/>
      <c r="K71" s="35"/>
      <c r="L71" s="35"/>
      <c r="M71" s="35"/>
      <c r="N71" s="35"/>
      <c r="O71" s="35"/>
      <c r="P71" s="35"/>
      <c r="Q71" s="35"/>
      <c r="R71" s="35"/>
      <c r="S71" s="35"/>
      <c r="T71" s="35"/>
      <c r="U71" s="35"/>
      <c r="V71" s="276"/>
      <c r="W71" s="273"/>
      <c r="X71" s="273"/>
      <c r="Y71" s="273"/>
      <c r="Z71" s="277"/>
      <c r="AA71" s="276"/>
      <c r="AB71" s="273"/>
      <c r="AC71" s="273"/>
      <c r="AD71" s="273"/>
      <c r="AE71" s="277"/>
      <c r="AF71" s="276"/>
      <c r="AG71" s="273"/>
      <c r="AH71" s="273"/>
      <c r="AI71" s="273"/>
      <c r="AJ71" s="277"/>
      <c r="AK71" s="276"/>
      <c r="AL71" s="273"/>
      <c r="AM71" s="273"/>
      <c r="AN71" s="273"/>
      <c r="AO71" s="277"/>
      <c r="AP71" s="276"/>
      <c r="AQ71" s="273"/>
      <c r="AR71" s="273"/>
      <c r="AS71" s="273"/>
      <c r="AT71" s="277"/>
      <c r="AU71" s="276"/>
      <c r="AV71" s="273"/>
      <c r="AW71" s="273"/>
      <c r="AX71" s="273"/>
      <c r="AY71" s="277"/>
      <c r="AZ71" s="276"/>
      <c r="BA71" s="273"/>
      <c r="BB71" s="273"/>
      <c r="BC71" s="273"/>
      <c r="BD71" s="277"/>
      <c r="BE71" s="276"/>
      <c r="BF71" s="273"/>
      <c r="BG71" s="273"/>
      <c r="BH71" s="273"/>
      <c r="BI71" s="277"/>
      <c r="BJ71" s="276"/>
      <c r="BK71" s="273"/>
      <c r="BL71" s="273"/>
      <c r="BM71" s="273"/>
      <c r="BN71" s="277"/>
      <c r="BQ71" s="135"/>
      <c r="BR71" s="135"/>
      <c r="BS71" s="135"/>
      <c r="BT71" s="135"/>
      <c r="BW71" s="135"/>
    </row>
    <row r="72" spans="4:81" ht="30.75" customHeight="1">
      <c r="D72" s="194" t="s">
        <v>69</v>
      </c>
      <c r="E72" s="35"/>
      <c r="F72" s="35"/>
      <c r="G72" s="35"/>
      <c r="H72" s="35"/>
      <c r="I72" s="35"/>
      <c r="J72" s="35"/>
      <c r="K72" s="35"/>
      <c r="L72" s="35"/>
      <c r="M72" s="35"/>
      <c r="N72" s="35"/>
      <c r="O72" s="35"/>
      <c r="P72" s="35"/>
      <c r="Q72" s="35"/>
      <c r="R72" s="35"/>
      <c r="S72" s="35"/>
      <c r="T72" s="35"/>
      <c r="U72" s="35"/>
      <c r="V72" s="276"/>
      <c r="W72" s="273"/>
      <c r="X72" s="273"/>
      <c r="Y72" s="273"/>
      <c r="Z72" s="277"/>
      <c r="AA72" s="276"/>
      <c r="AB72" s="273"/>
      <c r="AC72" s="273"/>
      <c r="AD72" s="273"/>
      <c r="AE72" s="277"/>
      <c r="AF72" s="276"/>
      <c r="AG72" s="273"/>
      <c r="AH72" s="273"/>
      <c r="AI72" s="273"/>
      <c r="AJ72" s="277"/>
      <c r="AK72" s="276"/>
      <c r="AL72" s="273"/>
      <c r="AM72" s="273"/>
      <c r="AN72" s="273"/>
      <c r="AO72" s="277"/>
      <c r="AP72" s="276"/>
      <c r="AQ72" s="273"/>
      <c r="AR72" s="273"/>
      <c r="AS72" s="273"/>
      <c r="AT72" s="277"/>
      <c r="AU72" s="276"/>
      <c r="AV72" s="273"/>
      <c r="AW72" s="273"/>
      <c r="AX72" s="273"/>
      <c r="AY72" s="277"/>
      <c r="AZ72" s="276"/>
      <c r="BA72" s="273"/>
      <c r="BB72" s="273"/>
      <c r="BC72" s="273"/>
      <c r="BD72" s="277"/>
      <c r="BE72" s="276"/>
      <c r="BF72" s="273"/>
      <c r="BG72" s="273"/>
      <c r="BH72" s="273"/>
      <c r="BI72" s="277"/>
      <c r="BJ72" s="276"/>
      <c r="BK72" s="273"/>
      <c r="BL72" s="273"/>
      <c r="BM72" s="273"/>
      <c r="BN72" s="277"/>
      <c r="BO72" s="139"/>
    </row>
    <row r="73" spans="4:81" ht="30.75" customHeight="1">
      <c r="D73" s="276" t="s">
        <v>63</v>
      </c>
      <c r="E73" s="273"/>
      <c r="F73" s="273"/>
      <c r="G73" s="273"/>
      <c r="H73" s="273"/>
      <c r="I73" s="273"/>
      <c r="J73" s="273"/>
      <c r="K73" s="273"/>
      <c r="L73" s="273"/>
      <c r="M73" s="273"/>
      <c r="N73" s="273"/>
      <c r="O73" s="273"/>
      <c r="P73" s="273"/>
      <c r="Q73" s="273"/>
      <c r="R73" s="273"/>
      <c r="S73" s="273"/>
      <c r="T73" s="273"/>
      <c r="U73" s="277"/>
      <c r="V73" s="276"/>
      <c r="W73" s="273"/>
      <c r="X73" s="273"/>
      <c r="Y73" s="273"/>
      <c r="Z73" s="277"/>
      <c r="AA73" s="276"/>
      <c r="AB73" s="273"/>
      <c r="AC73" s="273"/>
      <c r="AD73" s="273"/>
      <c r="AE73" s="277"/>
      <c r="AF73" s="276"/>
      <c r="AG73" s="273"/>
      <c r="AH73" s="273"/>
      <c r="AI73" s="273"/>
      <c r="AJ73" s="277"/>
      <c r="AK73" s="276"/>
      <c r="AL73" s="273"/>
      <c r="AM73" s="273"/>
      <c r="AN73" s="273"/>
      <c r="AO73" s="277"/>
      <c r="AP73" s="276"/>
      <c r="AQ73" s="273"/>
      <c r="AR73" s="273"/>
      <c r="AS73" s="273"/>
      <c r="AT73" s="277"/>
      <c r="AU73" s="276"/>
      <c r="AV73" s="273"/>
      <c r="AW73" s="273"/>
      <c r="AX73" s="273"/>
      <c r="AY73" s="277"/>
      <c r="AZ73" s="276"/>
      <c r="BA73" s="273"/>
      <c r="BB73" s="273"/>
      <c r="BC73" s="273"/>
      <c r="BD73" s="277"/>
      <c r="BE73" s="276"/>
      <c r="BF73" s="273"/>
      <c r="BG73" s="273"/>
      <c r="BH73" s="273"/>
      <c r="BI73" s="277"/>
      <c r="BJ73" s="276"/>
      <c r="BK73" s="273"/>
      <c r="BL73" s="273"/>
      <c r="BM73" s="273"/>
      <c r="BN73" s="277"/>
      <c r="BO73" s="139"/>
    </row>
    <row r="74" spans="4:81" ht="9.75" customHeight="1">
      <c r="M74" s="139"/>
      <c r="N74" s="139"/>
      <c r="O74" s="139"/>
      <c r="P74" s="139"/>
      <c r="Q74" s="139"/>
      <c r="R74" s="139"/>
      <c r="S74" s="139"/>
      <c r="T74" s="139"/>
      <c r="U74" s="139"/>
      <c r="V74" s="139"/>
      <c r="W74" s="139"/>
      <c r="X74" s="139"/>
      <c r="Y74" s="139"/>
      <c r="Z74" s="139"/>
      <c r="AA74" s="139"/>
      <c r="AB74" s="139"/>
      <c r="AC74" s="139"/>
      <c r="AD74" s="139"/>
      <c r="AE74" s="139"/>
      <c r="AF74" s="139"/>
      <c r="AG74" s="139"/>
      <c r="AH74" s="139"/>
      <c r="AI74" s="139"/>
      <c r="AJ74" s="139"/>
      <c r="AK74" s="139"/>
      <c r="AL74" s="158"/>
      <c r="AM74" s="158"/>
      <c r="AN74" s="158"/>
      <c r="AO74" s="99"/>
      <c r="AP74" s="99"/>
      <c r="AQ74" s="158"/>
      <c r="AR74" s="158"/>
      <c r="AS74" s="158"/>
      <c r="AT74" s="158"/>
      <c r="AU74" s="158"/>
      <c r="AV74" s="158"/>
      <c r="AW74" s="158"/>
      <c r="AX74" s="158"/>
      <c r="AY74" s="158"/>
      <c r="AZ74" s="158"/>
      <c r="BA74" s="158"/>
      <c r="BB74" s="158"/>
      <c r="BC74" s="158"/>
      <c r="BD74" s="158"/>
      <c r="BE74" s="158"/>
      <c r="BF74" s="158"/>
      <c r="BG74" s="158"/>
      <c r="BH74" s="158"/>
      <c r="BI74" s="139"/>
      <c r="BJ74" s="139"/>
      <c r="BK74" s="139"/>
      <c r="BL74" s="139"/>
      <c r="BM74" s="139"/>
      <c r="BN74" s="139"/>
      <c r="BO74" s="139"/>
      <c r="BP74" s="139"/>
      <c r="BQ74" s="139"/>
      <c r="BR74" s="139"/>
      <c r="BS74" s="139"/>
      <c r="BT74" s="139"/>
      <c r="BU74" s="139"/>
      <c r="BV74" s="139"/>
      <c r="BW74" s="139"/>
    </row>
    <row r="75" spans="4:81" ht="6.75" customHeight="1">
      <c r="M75" s="139"/>
      <c r="N75" s="139"/>
      <c r="O75" s="139"/>
      <c r="P75" s="139"/>
      <c r="Q75" s="139"/>
      <c r="R75" s="139"/>
      <c r="S75" s="139"/>
      <c r="T75" s="139"/>
      <c r="U75" s="139"/>
      <c r="V75" s="139"/>
      <c r="W75" s="139"/>
      <c r="X75" s="139"/>
      <c r="Y75" s="139"/>
      <c r="Z75" s="139"/>
      <c r="AA75" s="139"/>
      <c r="AB75" s="139"/>
      <c r="AC75" s="139"/>
      <c r="AD75" s="139"/>
      <c r="AE75" s="139"/>
      <c r="AF75" s="139"/>
      <c r="AG75" s="139"/>
      <c r="AH75" s="139"/>
      <c r="AI75" s="139"/>
      <c r="AJ75" s="139"/>
      <c r="AK75" s="139"/>
      <c r="AL75" s="29"/>
      <c r="AM75" s="29"/>
      <c r="AN75" s="29"/>
      <c r="AO75" s="100"/>
      <c r="AP75" s="100"/>
      <c r="AQ75" s="29"/>
      <c r="AR75" s="29"/>
      <c r="AS75" s="29"/>
      <c r="AT75" s="29"/>
      <c r="AU75" s="29"/>
      <c r="AV75" s="29"/>
      <c r="AW75" s="29"/>
      <c r="AX75" s="29"/>
      <c r="AY75" s="29"/>
      <c r="AZ75" s="29"/>
      <c r="BA75" s="29"/>
      <c r="BB75" s="29"/>
      <c r="BC75" s="29"/>
      <c r="BD75" s="29"/>
      <c r="BE75" s="29"/>
      <c r="BF75" s="29"/>
      <c r="BG75" s="29"/>
      <c r="BH75" s="29"/>
      <c r="BI75" s="139"/>
      <c r="BJ75" s="139"/>
      <c r="BK75" s="139"/>
      <c r="BL75" s="139"/>
      <c r="BM75" s="139"/>
      <c r="BN75" s="139"/>
      <c r="BO75" s="139"/>
      <c r="BP75" s="139"/>
      <c r="BQ75" s="139"/>
      <c r="BR75" s="139"/>
      <c r="BS75" s="139"/>
      <c r="BT75" s="139"/>
      <c r="BU75" s="139"/>
      <c r="BV75" s="139"/>
      <c r="BW75" s="139"/>
    </row>
    <row r="76" spans="4:81" ht="41.25" customHeight="1">
      <c r="D76" s="353"/>
      <c r="E76" s="354"/>
      <c r="F76" s="354"/>
      <c r="G76" s="354"/>
      <c r="H76" s="354"/>
      <c r="I76" s="354"/>
      <c r="J76" s="354"/>
      <c r="K76" s="354"/>
      <c r="L76" s="355"/>
      <c r="M76" s="194"/>
      <c r="N76" s="35"/>
      <c r="O76" s="35"/>
      <c r="P76" s="35"/>
      <c r="Q76" s="35"/>
      <c r="R76" s="35"/>
      <c r="S76" s="35"/>
      <c r="T76" s="35"/>
      <c r="U76" s="35"/>
      <c r="V76" s="348" t="s">
        <v>59</v>
      </c>
      <c r="W76" s="349"/>
      <c r="X76" s="349"/>
      <c r="Y76" s="349"/>
      <c r="Z76" s="350"/>
      <c r="AA76" s="348" t="s">
        <v>60</v>
      </c>
      <c r="AB76" s="349"/>
      <c r="AC76" s="349"/>
      <c r="AD76" s="349"/>
      <c r="AE76" s="350"/>
      <c r="AF76" s="348" t="s">
        <v>61</v>
      </c>
      <c r="AG76" s="349"/>
      <c r="AH76" s="349"/>
      <c r="AI76" s="349"/>
      <c r="AJ76" s="350"/>
      <c r="AK76" s="348" t="s">
        <v>62</v>
      </c>
      <c r="AL76" s="349"/>
      <c r="AM76" s="349"/>
      <c r="AN76" s="349"/>
      <c r="AO76" s="350"/>
      <c r="AP76" s="348" t="s">
        <v>166</v>
      </c>
      <c r="AQ76" s="349"/>
      <c r="AR76" s="349"/>
      <c r="AS76" s="349"/>
      <c r="AT76" s="350"/>
      <c r="AU76" s="348" t="s">
        <v>167</v>
      </c>
      <c r="AV76" s="349"/>
      <c r="AW76" s="349"/>
      <c r="AX76" s="349"/>
      <c r="AY76" s="350"/>
      <c r="AZ76" s="356" t="s">
        <v>170</v>
      </c>
      <c r="BA76" s="357"/>
      <c r="BB76" s="357"/>
      <c r="BC76" s="357"/>
      <c r="BD76" s="358"/>
      <c r="BE76" s="348" t="s">
        <v>64</v>
      </c>
      <c r="BF76" s="349"/>
      <c r="BG76" s="349"/>
      <c r="BH76" s="349"/>
      <c r="BI76" s="350"/>
      <c r="BJ76" s="348" t="s">
        <v>63</v>
      </c>
      <c r="BK76" s="349"/>
      <c r="BL76" s="349"/>
      <c r="BM76" s="349"/>
      <c r="BN76" s="350"/>
      <c r="BO76" s="139"/>
      <c r="BP76" s="139"/>
      <c r="BQ76" s="139"/>
      <c r="BR76" s="139"/>
      <c r="BS76" s="139"/>
      <c r="BT76" s="139"/>
      <c r="BU76" s="139"/>
      <c r="BV76" s="139"/>
      <c r="BW76" s="139"/>
    </row>
    <row r="77" spans="4:81" ht="21" customHeight="1">
      <c r="D77" s="351" t="s">
        <v>243</v>
      </c>
      <c r="E77" s="283"/>
      <c r="F77" s="283"/>
      <c r="G77" s="283"/>
      <c r="H77" s="283"/>
      <c r="I77" s="283"/>
      <c r="J77" s="283"/>
      <c r="K77" s="283"/>
      <c r="L77" s="284"/>
      <c r="M77" s="276" t="s">
        <v>101</v>
      </c>
      <c r="N77" s="273"/>
      <c r="O77" s="273"/>
      <c r="P77" s="273"/>
      <c r="Q77" s="273"/>
      <c r="R77" s="273"/>
      <c r="S77" s="273"/>
      <c r="T77" s="273"/>
      <c r="U77" s="273"/>
      <c r="V77" s="276"/>
      <c r="W77" s="273"/>
      <c r="X77" s="273"/>
      <c r="Y77" s="273"/>
      <c r="Z77" s="277"/>
      <c r="AA77" s="276"/>
      <c r="AB77" s="273"/>
      <c r="AC77" s="273"/>
      <c r="AD77" s="273"/>
      <c r="AE77" s="277"/>
      <c r="AF77" s="276"/>
      <c r="AG77" s="273"/>
      <c r="AH77" s="273"/>
      <c r="AI77" s="273"/>
      <c r="AJ77" s="277"/>
      <c r="AK77" s="276"/>
      <c r="AL77" s="273"/>
      <c r="AM77" s="273"/>
      <c r="AN77" s="273"/>
      <c r="AO77" s="277"/>
      <c r="AP77" s="276"/>
      <c r="AQ77" s="273"/>
      <c r="AR77" s="273"/>
      <c r="AS77" s="273"/>
      <c r="AT77" s="277"/>
      <c r="AU77" s="276"/>
      <c r="AV77" s="273"/>
      <c r="AW77" s="273"/>
      <c r="AX77" s="273"/>
      <c r="AY77" s="277"/>
      <c r="AZ77" s="276"/>
      <c r="BA77" s="273"/>
      <c r="BB77" s="273"/>
      <c r="BC77" s="273"/>
      <c r="BD77" s="277"/>
      <c r="BE77" s="276"/>
      <c r="BF77" s="273"/>
      <c r="BG77" s="273"/>
      <c r="BH77" s="273"/>
      <c r="BI77" s="277"/>
      <c r="BJ77" s="276"/>
      <c r="BK77" s="273"/>
      <c r="BL77" s="273"/>
      <c r="BM77" s="273"/>
      <c r="BN77" s="277"/>
      <c r="BO77" s="139"/>
      <c r="BP77" s="139"/>
      <c r="BQ77" s="139"/>
      <c r="BR77" s="139"/>
      <c r="BS77" s="139"/>
      <c r="BT77" s="139"/>
      <c r="BU77" s="139"/>
      <c r="BV77" s="139"/>
      <c r="BW77" s="139"/>
    </row>
    <row r="78" spans="4:81" ht="21" customHeight="1">
      <c r="D78" s="352"/>
      <c r="E78" s="210"/>
      <c r="F78" s="210"/>
      <c r="G78" s="210"/>
      <c r="H78" s="210"/>
      <c r="I78" s="210"/>
      <c r="J78" s="210"/>
      <c r="K78" s="210"/>
      <c r="L78" s="285"/>
      <c r="M78" s="276" t="s">
        <v>102</v>
      </c>
      <c r="N78" s="273"/>
      <c r="O78" s="273"/>
      <c r="P78" s="273"/>
      <c r="Q78" s="273"/>
      <c r="R78" s="273"/>
      <c r="S78" s="273"/>
      <c r="T78" s="273"/>
      <c r="U78" s="273"/>
      <c r="V78" s="276"/>
      <c r="W78" s="273"/>
      <c r="X78" s="273"/>
      <c r="Y78" s="273"/>
      <c r="Z78" s="277"/>
      <c r="AA78" s="276"/>
      <c r="AB78" s="273"/>
      <c r="AC78" s="273"/>
      <c r="AD78" s="273"/>
      <c r="AE78" s="277"/>
      <c r="AF78" s="276"/>
      <c r="AG78" s="273"/>
      <c r="AH78" s="273"/>
      <c r="AI78" s="273"/>
      <c r="AJ78" s="277"/>
      <c r="AK78" s="276"/>
      <c r="AL78" s="273"/>
      <c r="AM78" s="273"/>
      <c r="AN78" s="273"/>
      <c r="AO78" s="277"/>
      <c r="AP78" s="276"/>
      <c r="AQ78" s="273"/>
      <c r="AR78" s="273"/>
      <c r="AS78" s="273"/>
      <c r="AT78" s="277"/>
      <c r="AU78" s="276"/>
      <c r="AV78" s="273"/>
      <c r="AW78" s="273"/>
      <c r="AX78" s="273"/>
      <c r="AY78" s="277"/>
      <c r="AZ78" s="276"/>
      <c r="BA78" s="273"/>
      <c r="BB78" s="273"/>
      <c r="BC78" s="273"/>
      <c r="BD78" s="277"/>
      <c r="BE78" s="276"/>
      <c r="BF78" s="273"/>
      <c r="BG78" s="273"/>
      <c r="BH78" s="273"/>
      <c r="BI78" s="277"/>
      <c r="BJ78" s="276"/>
      <c r="BK78" s="273"/>
      <c r="BL78" s="273"/>
      <c r="BM78" s="273"/>
      <c r="BN78" s="277"/>
      <c r="BQ78" s="135"/>
      <c r="BR78" s="135"/>
      <c r="BS78" s="135"/>
      <c r="BT78" s="135"/>
      <c r="BW78" s="135"/>
    </row>
    <row r="79" spans="4:81" ht="21" customHeight="1">
      <c r="D79" s="352"/>
      <c r="E79" s="210"/>
      <c r="F79" s="210"/>
      <c r="G79" s="210"/>
      <c r="H79" s="210"/>
      <c r="I79" s="210"/>
      <c r="J79" s="210"/>
      <c r="K79" s="210"/>
      <c r="L79" s="285"/>
      <c r="M79" s="276" t="s">
        <v>103</v>
      </c>
      <c r="N79" s="273"/>
      <c r="O79" s="273"/>
      <c r="P79" s="273"/>
      <c r="Q79" s="273"/>
      <c r="R79" s="273"/>
      <c r="S79" s="273"/>
      <c r="T79" s="273"/>
      <c r="U79" s="273"/>
      <c r="V79" s="276"/>
      <c r="W79" s="273"/>
      <c r="X79" s="273"/>
      <c r="Y79" s="273"/>
      <c r="Z79" s="277"/>
      <c r="AA79" s="276"/>
      <c r="AB79" s="273"/>
      <c r="AC79" s="273"/>
      <c r="AD79" s="273"/>
      <c r="AE79" s="277"/>
      <c r="AF79" s="276"/>
      <c r="AG79" s="273"/>
      <c r="AH79" s="273"/>
      <c r="AI79" s="273"/>
      <c r="AJ79" s="277"/>
      <c r="AK79" s="276"/>
      <c r="AL79" s="273"/>
      <c r="AM79" s="273"/>
      <c r="AN79" s="273"/>
      <c r="AO79" s="277"/>
      <c r="AP79" s="276"/>
      <c r="AQ79" s="273"/>
      <c r="AR79" s="273"/>
      <c r="AS79" s="273"/>
      <c r="AT79" s="277"/>
      <c r="AU79" s="276"/>
      <c r="AV79" s="273"/>
      <c r="AW79" s="273"/>
      <c r="AX79" s="273"/>
      <c r="AY79" s="277"/>
      <c r="AZ79" s="276"/>
      <c r="BA79" s="273"/>
      <c r="BB79" s="273"/>
      <c r="BC79" s="273"/>
      <c r="BD79" s="277"/>
      <c r="BE79" s="276"/>
      <c r="BF79" s="273"/>
      <c r="BG79" s="273"/>
      <c r="BH79" s="273"/>
      <c r="BI79" s="277"/>
      <c r="BJ79" s="276"/>
      <c r="BK79" s="273"/>
      <c r="BL79" s="273"/>
      <c r="BM79" s="273"/>
      <c r="BN79" s="277"/>
      <c r="BQ79" s="135"/>
      <c r="BR79" s="135"/>
      <c r="BS79" s="135"/>
      <c r="BT79" s="135"/>
      <c r="BW79" s="135"/>
    </row>
    <row r="80" spans="4:81" ht="21" customHeight="1">
      <c r="D80" s="352"/>
      <c r="E80" s="210"/>
      <c r="F80" s="210"/>
      <c r="G80" s="210"/>
      <c r="H80" s="210"/>
      <c r="I80" s="210"/>
      <c r="J80" s="210"/>
      <c r="K80" s="210"/>
      <c r="L80" s="285"/>
      <c r="M80" s="276" t="s">
        <v>104</v>
      </c>
      <c r="N80" s="273"/>
      <c r="O80" s="273"/>
      <c r="P80" s="273"/>
      <c r="Q80" s="273"/>
      <c r="R80" s="273"/>
      <c r="S80" s="273"/>
      <c r="T80" s="273"/>
      <c r="U80" s="273"/>
      <c r="V80" s="276"/>
      <c r="W80" s="273"/>
      <c r="X80" s="273"/>
      <c r="Y80" s="273"/>
      <c r="Z80" s="277"/>
      <c r="AA80" s="276"/>
      <c r="AB80" s="273"/>
      <c r="AC80" s="273"/>
      <c r="AD80" s="273"/>
      <c r="AE80" s="277"/>
      <c r="AF80" s="276"/>
      <c r="AG80" s="273"/>
      <c r="AH80" s="273"/>
      <c r="AI80" s="273"/>
      <c r="AJ80" s="277"/>
      <c r="AK80" s="276"/>
      <c r="AL80" s="273"/>
      <c r="AM80" s="273"/>
      <c r="AN80" s="273"/>
      <c r="AO80" s="277"/>
      <c r="AP80" s="276"/>
      <c r="AQ80" s="273"/>
      <c r="AR80" s="273"/>
      <c r="AS80" s="273"/>
      <c r="AT80" s="277"/>
      <c r="AU80" s="276"/>
      <c r="AV80" s="273"/>
      <c r="AW80" s="273"/>
      <c r="AX80" s="273"/>
      <c r="AY80" s="277"/>
      <c r="AZ80" s="276"/>
      <c r="BA80" s="273"/>
      <c r="BB80" s="273"/>
      <c r="BC80" s="273"/>
      <c r="BD80" s="277"/>
      <c r="BE80" s="276"/>
      <c r="BF80" s="273"/>
      <c r="BG80" s="273"/>
      <c r="BH80" s="273"/>
      <c r="BI80" s="277"/>
      <c r="BJ80" s="276"/>
      <c r="BK80" s="273"/>
      <c r="BL80" s="273"/>
      <c r="BM80" s="273"/>
      <c r="BN80" s="277"/>
      <c r="BQ80" s="135"/>
      <c r="BR80" s="135"/>
      <c r="BS80" s="135"/>
      <c r="BT80" s="135"/>
      <c r="BW80" s="135"/>
    </row>
    <row r="81" spans="4:75" ht="21" customHeight="1">
      <c r="D81" s="352"/>
      <c r="E81" s="210"/>
      <c r="F81" s="210"/>
      <c r="G81" s="210"/>
      <c r="H81" s="210"/>
      <c r="I81" s="210"/>
      <c r="J81" s="210"/>
      <c r="K81" s="210"/>
      <c r="L81" s="285"/>
      <c r="M81" s="276" t="s">
        <v>105</v>
      </c>
      <c r="N81" s="273"/>
      <c r="O81" s="273"/>
      <c r="P81" s="273"/>
      <c r="Q81" s="273"/>
      <c r="R81" s="273"/>
      <c r="S81" s="273"/>
      <c r="T81" s="273"/>
      <c r="U81" s="273"/>
      <c r="V81" s="276"/>
      <c r="W81" s="273"/>
      <c r="X81" s="273"/>
      <c r="Y81" s="273"/>
      <c r="Z81" s="277"/>
      <c r="AA81" s="276"/>
      <c r="AB81" s="273"/>
      <c r="AC81" s="273"/>
      <c r="AD81" s="273"/>
      <c r="AE81" s="277"/>
      <c r="AF81" s="276"/>
      <c r="AG81" s="273"/>
      <c r="AH81" s="273"/>
      <c r="AI81" s="273"/>
      <c r="AJ81" s="277"/>
      <c r="AK81" s="276"/>
      <c r="AL81" s="273"/>
      <c r="AM81" s="273"/>
      <c r="AN81" s="273"/>
      <c r="AO81" s="277"/>
      <c r="AP81" s="276"/>
      <c r="AQ81" s="273"/>
      <c r="AR81" s="273"/>
      <c r="AS81" s="273"/>
      <c r="AT81" s="277"/>
      <c r="AU81" s="276"/>
      <c r="AV81" s="273"/>
      <c r="AW81" s="273"/>
      <c r="AX81" s="273"/>
      <c r="AY81" s="277"/>
      <c r="AZ81" s="276"/>
      <c r="BA81" s="273"/>
      <c r="BB81" s="273"/>
      <c r="BC81" s="273"/>
      <c r="BD81" s="277"/>
      <c r="BE81" s="276"/>
      <c r="BF81" s="273"/>
      <c r="BG81" s="273"/>
      <c r="BH81" s="273"/>
      <c r="BI81" s="277"/>
      <c r="BJ81" s="276"/>
      <c r="BK81" s="273"/>
      <c r="BL81" s="273"/>
      <c r="BM81" s="273"/>
      <c r="BN81" s="277"/>
      <c r="BQ81" s="135"/>
      <c r="BR81" s="135"/>
      <c r="BS81" s="135"/>
      <c r="BT81" s="135"/>
      <c r="BW81" s="135"/>
    </row>
    <row r="82" spans="4:75" ht="21" customHeight="1">
      <c r="D82" s="352"/>
      <c r="E82" s="210"/>
      <c r="F82" s="210"/>
      <c r="G82" s="210"/>
      <c r="H82" s="210"/>
      <c r="I82" s="210"/>
      <c r="J82" s="210"/>
      <c r="K82" s="210"/>
      <c r="L82" s="285"/>
      <c r="M82" s="276" t="s">
        <v>106</v>
      </c>
      <c r="N82" s="273"/>
      <c r="O82" s="273"/>
      <c r="P82" s="273"/>
      <c r="Q82" s="273"/>
      <c r="R82" s="273"/>
      <c r="S82" s="273"/>
      <c r="T82" s="273"/>
      <c r="U82" s="273"/>
      <c r="V82" s="276"/>
      <c r="W82" s="273"/>
      <c r="X82" s="273"/>
      <c r="Y82" s="273"/>
      <c r="Z82" s="277"/>
      <c r="AA82" s="276"/>
      <c r="AB82" s="273"/>
      <c r="AC82" s="273"/>
      <c r="AD82" s="273"/>
      <c r="AE82" s="277"/>
      <c r="AF82" s="276"/>
      <c r="AG82" s="273"/>
      <c r="AH82" s="273"/>
      <c r="AI82" s="273"/>
      <c r="AJ82" s="277"/>
      <c r="AK82" s="276"/>
      <c r="AL82" s="273"/>
      <c r="AM82" s="273"/>
      <c r="AN82" s="273"/>
      <c r="AO82" s="277"/>
      <c r="AP82" s="276"/>
      <c r="AQ82" s="273"/>
      <c r="AR82" s="273"/>
      <c r="AS82" s="273"/>
      <c r="AT82" s="277"/>
      <c r="AU82" s="276"/>
      <c r="AV82" s="273"/>
      <c r="AW82" s="273"/>
      <c r="AX82" s="273"/>
      <c r="AY82" s="277"/>
      <c r="AZ82" s="276"/>
      <c r="BA82" s="273"/>
      <c r="BB82" s="273"/>
      <c r="BC82" s="273"/>
      <c r="BD82" s="277"/>
      <c r="BE82" s="276"/>
      <c r="BF82" s="273"/>
      <c r="BG82" s="273"/>
      <c r="BH82" s="273"/>
      <c r="BI82" s="277"/>
      <c r="BJ82" s="276"/>
      <c r="BK82" s="273"/>
      <c r="BL82" s="273"/>
      <c r="BM82" s="273"/>
      <c r="BN82" s="277"/>
      <c r="BQ82" s="135"/>
      <c r="BR82" s="135"/>
      <c r="BS82" s="135"/>
      <c r="BT82" s="135"/>
      <c r="BW82" s="135"/>
    </row>
    <row r="83" spans="4:75" ht="21" customHeight="1">
      <c r="D83" s="352"/>
      <c r="E83" s="210"/>
      <c r="F83" s="210"/>
      <c r="G83" s="210"/>
      <c r="H83" s="210"/>
      <c r="I83" s="210"/>
      <c r="J83" s="210"/>
      <c r="K83" s="210"/>
      <c r="L83" s="285"/>
      <c r="M83" s="276" t="s">
        <v>107</v>
      </c>
      <c r="N83" s="273"/>
      <c r="O83" s="273"/>
      <c r="P83" s="273"/>
      <c r="Q83" s="273"/>
      <c r="R83" s="273"/>
      <c r="S83" s="273"/>
      <c r="T83" s="273"/>
      <c r="U83" s="273"/>
      <c r="V83" s="276"/>
      <c r="W83" s="273"/>
      <c r="X83" s="273"/>
      <c r="Y83" s="273"/>
      <c r="Z83" s="277"/>
      <c r="AA83" s="276"/>
      <c r="AB83" s="273"/>
      <c r="AC83" s="273"/>
      <c r="AD83" s="273"/>
      <c r="AE83" s="277"/>
      <c r="AF83" s="276"/>
      <c r="AG83" s="273"/>
      <c r="AH83" s="273"/>
      <c r="AI83" s="273"/>
      <c r="AJ83" s="277"/>
      <c r="AK83" s="276"/>
      <c r="AL83" s="273"/>
      <c r="AM83" s="273"/>
      <c r="AN83" s="273"/>
      <c r="AO83" s="277"/>
      <c r="AP83" s="276"/>
      <c r="AQ83" s="273"/>
      <c r="AR83" s="273"/>
      <c r="AS83" s="273"/>
      <c r="AT83" s="277"/>
      <c r="AU83" s="276"/>
      <c r="AV83" s="273"/>
      <c r="AW83" s="273"/>
      <c r="AX83" s="273"/>
      <c r="AY83" s="277"/>
      <c r="AZ83" s="276"/>
      <c r="BA83" s="273"/>
      <c r="BB83" s="273"/>
      <c r="BC83" s="273"/>
      <c r="BD83" s="277"/>
      <c r="BE83" s="276"/>
      <c r="BF83" s="273"/>
      <c r="BG83" s="273"/>
      <c r="BH83" s="273"/>
      <c r="BI83" s="277"/>
      <c r="BJ83" s="276"/>
      <c r="BK83" s="273"/>
      <c r="BL83" s="273"/>
      <c r="BM83" s="273"/>
      <c r="BN83" s="277"/>
      <c r="BQ83" s="135"/>
      <c r="BR83" s="135"/>
      <c r="BS83" s="135"/>
      <c r="BT83" s="135"/>
      <c r="BW83" s="135"/>
    </row>
    <row r="84" spans="4:75" ht="21" customHeight="1">
      <c r="D84" s="352"/>
      <c r="E84" s="210"/>
      <c r="F84" s="210"/>
      <c r="G84" s="210"/>
      <c r="H84" s="210"/>
      <c r="I84" s="210"/>
      <c r="J84" s="210"/>
      <c r="K84" s="210"/>
      <c r="L84" s="285"/>
      <c r="M84" s="276" t="s">
        <v>108</v>
      </c>
      <c r="N84" s="273"/>
      <c r="O84" s="273"/>
      <c r="P84" s="273"/>
      <c r="Q84" s="273"/>
      <c r="R84" s="273"/>
      <c r="S84" s="273"/>
      <c r="T84" s="273"/>
      <c r="U84" s="273"/>
      <c r="V84" s="276"/>
      <c r="W84" s="273"/>
      <c r="X84" s="273"/>
      <c r="Y84" s="273"/>
      <c r="Z84" s="277"/>
      <c r="AA84" s="276"/>
      <c r="AB84" s="273"/>
      <c r="AC84" s="273"/>
      <c r="AD84" s="273"/>
      <c r="AE84" s="277"/>
      <c r="AF84" s="276"/>
      <c r="AG84" s="273"/>
      <c r="AH84" s="273"/>
      <c r="AI84" s="273"/>
      <c r="AJ84" s="277"/>
      <c r="AK84" s="276"/>
      <c r="AL84" s="273"/>
      <c r="AM84" s="273"/>
      <c r="AN84" s="273"/>
      <c r="AO84" s="277"/>
      <c r="AP84" s="276"/>
      <c r="AQ84" s="273"/>
      <c r="AR84" s="273"/>
      <c r="AS84" s="273"/>
      <c r="AT84" s="277"/>
      <c r="AU84" s="276"/>
      <c r="AV84" s="273"/>
      <c r="AW84" s="273"/>
      <c r="AX84" s="273"/>
      <c r="AY84" s="277"/>
      <c r="AZ84" s="276"/>
      <c r="BA84" s="273"/>
      <c r="BB84" s="273"/>
      <c r="BC84" s="273"/>
      <c r="BD84" s="277"/>
      <c r="BE84" s="276"/>
      <c r="BF84" s="273"/>
      <c r="BG84" s="273"/>
      <c r="BH84" s="273"/>
      <c r="BI84" s="277"/>
      <c r="BJ84" s="276"/>
      <c r="BK84" s="273"/>
      <c r="BL84" s="273"/>
      <c r="BM84" s="273"/>
      <c r="BN84" s="277"/>
      <c r="BO84" s="139"/>
    </row>
    <row r="85" spans="4:75" ht="30" customHeight="1">
      <c r="D85" s="344" t="s">
        <v>190</v>
      </c>
      <c r="E85" s="282"/>
      <c r="F85" s="282"/>
      <c r="G85" s="282"/>
      <c r="H85" s="282"/>
      <c r="I85" s="282"/>
      <c r="J85" s="282"/>
      <c r="K85" s="282"/>
      <c r="L85" s="282"/>
      <c r="M85" s="282"/>
      <c r="N85" s="282"/>
      <c r="O85" s="282"/>
      <c r="P85" s="282"/>
      <c r="Q85" s="282"/>
      <c r="R85" s="282"/>
      <c r="S85" s="282"/>
      <c r="T85" s="282"/>
      <c r="U85" s="282"/>
      <c r="V85" s="344"/>
      <c r="W85" s="282"/>
      <c r="X85" s="282"/>
      <c r="Y85" s="282"/>
      <c r="Z85" s="345"/>
      <c r="AA85" s="344"/>
      <c r="AB85" s="282"/>
      <c r="AC85" s="282"/>
      <c r="AD85" s="282"/>
      <c r="AE85" s="345"/>
      <c r="AF85" s="344"/>
      <c r="AG85" s="282"/>
      <c r="AH85" s="282"/>
      <c r="AI85" s="282"/>
      <c r="AJ85" s="345"/>
      <c r="AK85" s="344"/>
      <c r="AL85" s="282"/>
      <c r="AM85" s="282"/>
      <c r="AN85" s="282"/>
      <c r="AO85" s="345"/>
      <c r="AP85" s="344"/>
      <c r="AQ85" s="282"/>
      <c r="AR85" s="282"/>
      <c r="AS85" s="282"/>
      <c r="AT85" s="345"/>
      <c r="AU85" s="344"/>
      <c r="AV85" s="282"/>
      <c r="AW85" s="282"/>
      <c r="AX85" s="282"/>
      <c r="AY85" s="345"/>
      <c r="AZ85" s="344"/>
      <c r="BA85" s="282"/>
      <c r="BB85" s="282"/>
      <c r="BC85" s="282"/>
      <c r="BD85" s="345"/>
      <c r="BE85" s="344"/>
      <c r="BF85" s="282"/>
      <c r="BG85" s="282"/>
      <c r="BH85" s="282"/>
      <c r="BI85" s="345"/>
      <c r="BJ85" s="344"/>
      <c r="BK85" s="282"/>
      <c r="BL85" s="282"/>
      <c r="BM85" s="282"/>
      <c r="BN85" s="345"/>
      <c r="BO85" s="139"/>
    </row>
    <row r="86" spans="4:75" ht="21" customHeight="1">
      <c r="D86" s="8"/>
      <c r="E86" s="247"/>
      <c r="F86" s="247"/>
      <c r="G86" s="144" t="s">
        <v>33</v>
      </c>
      <c r="H86" s="247"/>
      <c r="I86" s="247"/>
      <c r="J86" s="100"/>
      <c r="K86" s="100"/>
      <c r="L86" s="100" t="s">
        <v>34</v>
      </c>
      <c r="M86" s="144"/>
      <c r="N86" s="100"/>
      <c r="O86" s="100"/>
      <c r="P86" s="247"/>
      <c r="Q86" s="247"/>
      <c r="R86" s="144" t="s">
        <v>33</v>
      </c>
      <c r="S86" s="247"/>
      <c r="T86" s="247"/>
      <c r="U86" s="100"/>
      <c r="V86" s="346"/>
      <c r="W86" s="301"/>
      <c r="X86" s="301"/>
      <c r="Y86" s="301"/>
      <c r="Z86" s="347"/>
      <c r="AA86" s="346"/>
      <c r="AB86" s="301"/>
      <c r="AC86" s="301"/>
      <c r="AD86" s="301"/>
      <c r="AE86" s="347"/>
      <c r="AF86" s="346"/>
      <c r="AG86" s="301"/>
      <c r="AH86" s="301"/>
      <c r="AI86" s="301"/>
      <c r="AJ86" s="347"/>
      <c r="AK86" s="346"/>
      <c r="AL86" s="301"/>
      <c r="AM86" s="301"/>
      <c r="AN86" s="301"/>
      <c r="AO86" s="347"/>
      <c r="AP86" s="346"/>
      <c r="AQ86" s="301"/>
      <c r="AR86" s="301"/>
      <c r="AS86" s="301"/>
      <c r="AT86" s="347"/>
      <c r="AU86" s="346"/>
      <c r="AV86" s="301"/>
      <c r="AW86" s="301"/>
      <c r="AX86" s="301"/>
      <c r="AY86" s="347"/>
      <c r="AZ86" s="346"/>
      <c r="BA86" s="301"/>
      <c r="BB86" s="301"/>
      <c r="BC86" s="301"/>
      <c r="BD86" s="347"/>
      <c r="BE86" s="346"/>
      <c r="BF86" s="301"/>
      <c r="BG86" s="301"/>
      <c r="BH86" s="301"/>
      <c r="BI86" s="347"/>
      <c r="BJ86" s="346"/>
      <c r="BK86" s="301"/>
      <c r="BL86" s="301"/>
      <c r="BM86" s="301"/>
      <c r="BN86" s="347"/>
      <c r="BO86" s="139"/>
    </row>
    <row r="87" spans="4:75" ht="12" customHeight="1">
      <c r="AF87" s="135"/>
      <c r="AG87" s="135"/>
      <c r="AN87" s="135"/>
      <c r="AO87" s="135"/>
      <c r="AT87" s="135"/>
      <c r="AU87" s="135"/>
      <c r="AV87" s="135"/>
      <c r="AW87" s="135"/>
      <c r="AX87" s="135"/>
      <c r="AY87" s="135"/>
      <c r="BB87" s="135"/>
      <c r="BC87" s="135"/>
      <c r="BI87" s="135"/>
      <c r="BJ87" s="135"/>
      <c r="BO87" s="135"/>
      <c r="BP87" s="135"/>
    </row>
    <row r="88" spans="4:75" ht="19.5" customHeight="1">
      <c r="D88" s="194" t="s">
        <v>241</v>
      </c>
      <c r="E88" s="35"/>
      <c r="F88" s="35"/>
      <c r="G88" s="35"/>
      <c r="H88" s="35"/>
      <c r="I88" s="35"/>
      <c r="J88" s="35"/>
      <c r="K88" s="35"/>
      <c r="L88" s="35"/>
      <c r="M88" s="38"/>
      <c r="N88" s="38"/>
      <c r="O88" s="38"/>
      <c r="P88" s="38"/>
      <c r="Q88" s="38"/>
      <c r="R88" s="38"/>
      <c r="S88" s="38"/>
      <c r="T88" s="38"/>
      <c r="U88" s="38"/>
      <c r="V88" s="38"/>
      <c r="W88" s="38"/>
      <c r="X88" s="38"/>
      <c r="Y88" s="38"/>
      <c r="Z88" s="38"/>
      <c r="AA88" s="38"/>
      <c r="AB88" s="38"/>
      <c r="AC88" s="38"/>
      <c r="AD88" s="38"/>
      <c r="AE88" s="38"/>
      <c r="AF88" s="38"/>
      <c r="AG88" s="38"/>
      <c r="AH88" s="38"/>
      <c r="AI88" s="38"/>
      <c r="AJ88" s="38"/>
      <c r="AK88" s="38"/>
      <c r="AL88" s="35" t="s">
        <v>302</v>
      </c>
      <c r="AM88" s="35"/>
      <c r="AN88" s="38"/>
      <c r="AO88" s="38"/>
      <c r="AP88" s="38"/>
      <c r="AQ88" s="273"/>
      <c r="AR88" s="273"/>
      <c r="AS88" s="273"/>
      <c r="AT88" s="35" t="s">
        <v>3</v>
      </c>
      <c r="AU88" s="35"/>
      <c r="AV88" s="273"/>
      <c r="AW88" s="273"/>
      <c r="AX88" s="273"/>
      <c r="AY88" s="148" t="s">
        <v>4</v>
      </c>
      <c r="AZ88" s="35"/>
      <c r="BA88" s="273"/>
      <c r="BB88" s="273"/>
      <c r="BC88" s="273"/>
      <c r="BD88" s="35" t="s">
        <v>81</v>
      </c>
      <c r="BE88" s="35"/>
      <c r="BF88" s="35"/>
      <c r="BG88" s="35"/>
      <c r="BH88" s="38"/>
      <c r="BI88" s="38"/>
      <c r="BJ88" s="36"/>
      <c r="BK88" s="139"/>
      <c r="BL88" s="139"/>
      <c r="BM88" s="139"/>
      <c r="BN88" s="139"/>
      <c r="BQ88" s="139"/>
      <c r="BR88" s="139"/>
      <c r="BS88" s="139"/>
      <c r="BT88" s="139"/>
    </row>
    <row r="89" spans="4:75" ht="20.100000000000001" customHeight="1">
      <c r="D89" s="276" t="s">
        <v>235</v>
      </c>
      <c r="E89" s="273"/>
      <c r="F89" s="273"/>
      <c r="G89" s="273"/>
      <c r="H89" s="273"/>
      <c r="I89" s="273"/>
      <c r="J89" s="273"/>
      <c r="K89" s="273"/>
      <c r="L89" s="273"/>
      <c r="M89" s="273"/>
      <c r="N89" s="273"/>
      <c r="O89" s="474"/>
      <c r="P89" s="474"/>
      <c r="Q89" s="474"/>
      <c r="R89" s="474"/>
      <c r="S89" s="474"/>
      <c r="T89" s="474"/>
      <c r="U89" s="474"/>
      <c r="V89" s="475"/>
      <c r="W89" s="276" t="s">
        <v>303</v>
      </c>
      <c r="X89" s="273"/>
      <c r="Y89" s="273"/>
      <c r="Z89" s="273"/>
      <c r="AA89" s="273"/>
      <c r="AB89" s="273"/>
      <c r="AC89" s="273"/>
      <c r="AD89" s="273"/>
      <c r="AE89" s="273"/>
      <c r="AF89" s="273"/>
      <c r="AG89" s="273"/>
      <c r="AH89" s="273"/>
      <c r="AI89" s="273"/>
      <c r="AJ89" s="273"/>
      <c r="AK89" s="273"/>
      <c r="AL89" s="273"/>
      <c r="AM89" s="474"/>
      <c r="AN89" s="474"/>
      <c r="AO89" s="474"/>
      <c r="AP89" s="474"/>
      <c r="AQ89" s="474"/>
      <c r="AR89" s="474"/>
      <c r="AS89" s="474"/>
      <c r="AT89" s="475"/>
      <c r="AU89" s="276" t="s">
        <v>304</v>
      </c>
      <c r="AV89" s="273"/>
      <c r="AW89" s="273"/>
      <c r="AX89" s="273"/>
      <c r="AY89" s="273"/>
      <c r="AZ89" s="273"/>
      <c r="BA89" s="273"/>
      <c r="BB89" s="273"/>
      <c r="BC89" s="273"/>
      <c r="BD89" s="273"/>
      <c r="BE89" s="273"/>
      <c r="BF89" s="273"/>
      <c r="BG89" s="273"/>
      <c r="BH89" s="273"/>
      <c r="BI89" s="273"/>
      <c r="BJ89" s="277"/>
      <c r="BK89" s="6"/>
    </row>
    <row r="90" spans="4:75" ht="16.5" customHeight="1">
      <c r="D90" s="290" t="s">
        <v>224</v>
      </c>
      <c r="E90" s="292"/>
      <c r="F90" s="476" t="s">
        <v>305</v>
      </c>
      <c r="G90" s="474"/>
      <c r="H90" s="474"/>
      <c r="I90" s="474"/>
      <c r="J90" s="474"/>
      <c r="K90" s="474"/>
      <c r="L90" s="474"/>
      <c r="M90" s="474"/>
      <c r="N90" s="474"/>
      <c r="O90" s="474"/>
      <c r="P90" s="474"/>
      <c r="Q90" s="474"/>
      <c r="R90" s="474"/>
      <c r="S90" s="474"/>
      <c r="T90" s="474"/>
      <c r="U90" s="474"/>
      <c r="V90" s="475"/>
      <c r="W90" s="359" t="s">
        <v>306</v>
      </c>
      <c r="X90" s="477"/>
      <c r="Y90" s="477"/>
      <c r="Z90" s="477"/>
      <c r="AA90" s="477"/>
      <c r="AB90" s="477"/>
      <c r="AC90" s="477"/>
      <c r="AD90" s="477"/>
      <c r="AE90" s="477"/>
      <c r="AF90" s="477"/>
      <c r="AG90" s="477"/>
      <c r="AH90" s="477"/>
      <c r="AI90" s="477"/>
      <c r="AJ90" s="477"/>
      <c r="AK90" s="477"/>
      <c r="AL90" s="477"/>
      <c r="AM90" s="477"/>
      <c r="AN90" s="477"/>
      <c r="AO90" s="477"/>
      <c r="AP90" s="477"/>
      <c r="AQ90" s="477"/>
      <c r="AR90" s="477"/>
      <c r="AS90" s="477"/>
      <c r="AT90" s="477"/>
      <c r="AU90" s="194"/>
      <c r="AV90" s="35"/>
      <c r="AW90" s="35"/>
      <c r="AX90" s="148"/>
      <c r="AY90" s="273"/>
      <c r="AZ90" s="273"/>
      <c r="BA90" s="273"/>
      <c r="BB90" s="273"/>
      <c r="BC90" s="273"/>
      <c r="BD90" s="273"/>
      <c r="BE90" s="273"/>
      <c r="BF90" s="148" t="s">
        <v>82</v>
      </c>
      <c r="BG90" s="148"/>
      <c r="BH90" s="35"/>
      <c r="BI90" s="35"/>
      <c r="BJ90" s="36"/>
      <c r="BK90" s="6"/>
    </row>
    <row r="91" spans="4:75" ht="20.100000000000001" customHeight="1">
      <c r="D91" s="293"/>
      <c r="E91" s="295"/>
      <c r="F91" s="478" t="s">
        <v>2</v>
      </c>
      <c r="G91" s="479"/>
      <c r="H91" s="479"/>
      <c r="I91" s="479"/>
      <c r="J91" s="480"/>
      <c r="K91" s="480"/>
      <c r="L91" s="480"/>
      <c r="M91" s="480"/>
      <c r="N91" s="479" t="s">
        <v>225</v>
      </c>
      <c r="O91" s="480"/>
      <c r="P91" s="480"/>
      <c r="Q91" s="480"/>
      <c r="R91" s="480"/>
      <c r="S91" s="480"/>
      <c r="T91" s="480"/>
      <c r="U91" s="480"/>
      <c r="V91" s="481"/>
      <c r="W91" s="342" t="s">
        <v>307</v>
      </c>
      <c r="X91" s="342"/>
      <c r="Y91" s="342"/>
      <c r="Z91" s="342"/>
      <c r="AA91" s="477"/>
      <c r="AB91" s="477"/>
      <c r="AC91" s="477"/>
      <c r="AD91" s="477"/>
      <c r="AE91" s="477"/>
      <c r="AF91" s="477"/>
      <c r="AG91" s="477"/>
      <c r="AH91" s="482"/>
      <c r="AI91" s="483" t="s">
        <v>308</v>
      </c>
      <c r="AJ91" s="342"/>
      <c r="AK91" s="342"/>
      <c r="AL91" s="342"/>
      <c r="AM91" s="477"/>
      <c r="AN91" s="477"/>
      <c r="AO91" s="477"/>
      <c r="AP91" s="477"/>
      <c r="AQ91" s="477"/>
      <c r="AR91" s="477"/>
      <c r="AS91" s="477"/>
      <c r="AT91" s="477"/>
      <c r="AU91" s="80" t="s">
        <v>2</v>
      </c>
      <c r="AV91" s="81"/>
      <c r="AW91" s="81"/>
      <c r="AX91" s="81"/>
      <c r="AY91" s="343" t="s">
        <v>82</v>
      </c>
      <c r="AZ91" s="343"/>
      <c r="BA91" s="343"/>
      <c r="BB91" s="484"/>
      <c r="BC91" s="82" t="s">
        <v>225</v>
      </c>
      <c r="BD91" s="81"/>
      <c r="BE91" s="81"/>
      <c r="BF91" s="81"/>
      <c r="BG91" s="343" t="s">
        <v>82</v>
      </c>
      <c r="BH91" s="343"/>
      <c r="BI91" s="343"/>
      <c r="BJ91" s="485"/>
      <c r="BK91" s="37"/>
      <c r="BL91" s="139"/>
      <c r="BM91" s="139"/>
      <c r="BN91" s="139"/>
      <c r="BO91" s="139"/>
      <c r="BP91" s="139"/>
    </row>
    <row r="92" spans="4:75" ht="20.100000000000001" customHeight="1">
      <c r="D92" s="293"/>
      <c r="E92" s="295"/>
      <c r="F92" s="104" t="s">
        <v>309</v>
      </c>
      <c r="G92" s="105"/>
      <c r="H92" s="105"/>
      <c r="I92" s="105"/>
      <c r="J92" s="105"/>
      <c r="K92" s="105"/>
      <c r="L92" s="105"/>
      <c r="M92" s="105"/>
      <c r="N92" s="105"/>
      <c r="O92" s="106"/>
      <c r="P92" s="106"/>
      <c r="Q92" s="106"/>
      <c r="R92" s="106"/>
      <c r="S92" s="106"/>
      <c r="T92" s="106"/>
      <c r="U92" s="106"/>
      <c r="V92" s="107"/>
      <c r="W92" s="83" t="s">
        <v>226</v>
      </c>
      <c r="X92" s="84"/>
      <c r="Y92" s="84"/>
      <c r="Z92" s="84"/>
      <c r="AA92" s="340"/>
      <c r="AB92" s="340"/>
      <c r="AC92" s="340"/>
      <c r="AD92" s="340"/>
      <c r="AE92" s="340" t="s">
        <v>82</v>
      </c>
      <c r="AF92" s="340"/>
      <c r="AG92" s="340"/>
      <c r="AH92" s="486"/>
      <c r="AI92" s="83" t="s">
        <v>226</v>
      </c>
      <c r="AJ92" s="84"/>
      <c r="AK92" s="84"/>
      <c r="AL92" s="84"/>
      <c r="AM92" s="340"/>
      <c r="AN92" s="340"/>
      <c r="AO92" s="340"/>
      <c r="AP92" s="340"/>
      <c r="AQ92" s="340" t="s">
        <v>82</v>
      </c>
      <c r="AR92" s="340"/>
      <c r="AS92" s="340"/>
      <c r="AT92" s="486"/>
      <c r="AU92" s="83"/>
      <c r="AV92" s="84"/>
      <c r="AW92" s="84"/>
      <c r="AX92" s="84"/>
      <c r="AY92" s="340"/>
      <c r="AZ92" s="340"/>
      <c r="BA92" s="340"/>
      <c r="BB92" s="340"/>
      <c r="BC92" s="85"/>
      <c r="BD92" s="84"/>
      <c r="BE92" s="84"/>
      <c r="BF92" s="84"/>
      <c r="BG92" s="340"/>
      <c r="BH92" s="340"/>
      <c r="BI92" s="340"/>
      <c r="BJ92" s="341"/>
      <c r="BK92" s="135"/>
      <c r="BL92" s="135"/>
      <c r="BM92" s="135"/>
      <c r="BN92" s="135"/>
    </row>
    <row r="93" spans="4:75" ht="20.100000000000001" customHeight="1">
      <c r="D93" s="293"/>
      <c r="E93" s="295"/>
      <c r="F93" s="195" t="s">
        <v>310</v>
      </c>
      <c r="G93" s="87"/>
      <c r="H93" s="87"/>
      <c r="I93" s="87"/>
      <c r="J93" s="87"/>
      <c r="K93" s="87"/>
      <c r="L93" s="87"/>
      <c r="M93" s="87"/>
      <c r="N93" s="87"/>
      <c r="O93" s="108"/>
      <c r="P93" s="108"/>
      <c r="Q93" s="108"/>
      <c r="R93" s="108"/>
      <c r="S93" s="108"/>
      <c r="T93" s="108"/>
      <c r="U93" s="108"/>
      <c r="V93" s="109"/>
      <c r="W93" s="195" t="s">
        <v>227</v>
      </c>
      <c r="X93" s="1"/>
      <c r="Y93" s="1"/>
      <c r="Z93" s="1"/>
      <c r="AA93" s="337"/>
      <c r="AB93" s="337"/>
      <c r="AC93" s="337"/>
      <c r="AD93" s="337"/>
      <c r="AE93" s="337" t="s">
        <v>82</v>
      </c>
      <c r="AF93" s="337"/>
      <c r="AG93" s="337"/>
      <c r="AH93" s="487"/>
      <c r="AI93" s="195" t="s">
        <v>227</v>
      </c>
      <c r="AJ93" s="1"/>
      <c r="AK93" s="1"/>
      <c r="AL93" s="1"/>
      <c r="AM93" s="337"/>
      <c r="AN93" s="337"/>
      <c r="AO93" s="337"/>
      <c r="AP93" s="337"/>
      <c r="AQ93" s="337" t="s">
        <v>82</v>
      </c>
      <c r="AR93" s="337"/>
      <c r="AS93" s="337"/>
      <c r="AT93" s="487"/>
      <c r="AU93" s="195"/>
      <c r="AV93" s="86"/>
      <c r="AW93" s="86"/>
      <c r="AX93" s="87"/>
      <c r="AY93" s="337"/>
      <c r="AZ93" s="337"/>
      <c r="BA93" s="337"/>
      <c r="BB93" s="337"/>
      <c r="BC93" s="45"/>
      <c r="BD93" s="86"/>
      <c r="BE93" s="86"/>
      <c r="BF93" s="87"/>
      <c r="BG93" s="337"/>
      <c r="BH93" s="337"/>
      <c r="BI93" s="337"/>
      <c r="BJ93" s="339"/>
      <c r="BK93" s="25"/>
      <c r="BL93" s="25"/>
      <c r="BM93" s="25"/>
      <c r="BN93" s="25"/>
      <c r="BO93" s="25"/>
      <c r="BP93" s="25"/>
    </row>
    <row r="94" spans="4:75" ht="20.100000000000001" customHeight="1">
      <c r="D94" s="293"/>
      <c r="E94" s="295"/>
      <c r="F94" s="195" t="s">
        <v>311</v>
      </c>
      <c r="G94" s="87"/>
      <c r="H94" s="87"/>
      <c r="I94" s="87"/>
      <c r="J94" s="87"/>
      <c r="K94" s="87"/>
      <c r="L94" s="87"/>
      <c r="M94" s="87"/>
      <c r="N94" s="87"/>
      <c r="O94" s="108"/>
      <c r="P94" s="108"/>
      <c r="Q94" s="108"/>
      <c r="R94" s="108"/>
      <c r="S94" s="108"/>
      <c r="T94" s="108"/>
      <c r="U94" s="108"/>
      <c r="V94" s="109"/>
      <c r="W94" s="195" t="s">
        <v>234</v>
      </c>
      <c r="X94" s="1"/>
      <c r="Y94" s="1"/>
      <c r="Z94" s="1"/>
      <c r="AA94" s="167"/>
      <c r="AB94" s="337"/>
      <c r="AC94" s="337"/>
      <c r="AD94" s="337"/>
      <c r="AE94" s="337" t="s">
        <v>312</v>
      </c>
      <c r="AF94" s="337"/>
      <c r="AG94" s="337"/>
      <c r="AH94" s="488"/>
      <c r="AI94" s="195" t="s">
        <v>234</v>
      </c>
      <c r="AJ94" s="1"/>
      <c r="AK94" s="1"/>
      <c r="AL94" s="1"/>
      <c r="AM94" s="167"/>
      <c r="AN94" s="337"/>
      <c r="AO94" s="337"/>
      <c r="AP94" s="337"/>
      <c r="AQ94" s="337" t="s">
        <v>312</v>
      </c>
      <c r="AR94" s="337"/>
      <c r="AS94" s="337"/>
      <c r="AT94" s="488"/>
      <c r="AU94" s="195"/>
      <c r="AV94" s="86"/>
      <c r="AW94" s="338"/>
      <c r="AX94" s="338"/>
      <c r="AY94" s="338"/>
      <c r="AZ94" s="338"/>
      <c r="BA94" s="1"/>
      <c r="BB94" s="88"/>
      <c r="BC94" s="45"/>
      <c r="BD94" s="86"/>
      <c r="BE94" s="338"/>
      <c r="BF94" s="338"/>
      <c r="BG94" s="338"/>
      <c r="BH94" s="338"/>
      <c r="BI94" s="1"/>
      <c r="BJ94" s="110"/>
      <c r="BK94" s="25"/>
      <c r="BL94" s="25"/>
      <c r="BM94" s="25"/>
      <c r="BN94" s="25"/>
      <c r="BO94" s="25"/>
      <c r="BP94" s="25"/>
    </row>
    <row r="95" spans="4:75" ht="20.100000000000001" customHeight="1">
      <c r="D95" s="293"/>
      <c r="E95" s="295"/>
      <c r="F95" s="111"/>
      <c r="G95" s="112"/>
      <c r="H95" s="112"/>
      <c r="I95" s="112"/>
      <c r="J95" s="112"/>
      <c r="K95" s="112"/>
      <c r="L95" s="112"/>
      <c r="M95" s="112"/>
      <c r="N95" s="112"/>
      <c r="O95" s="113"/>
      <c r="P95" s="113"/>
      <c r="Q95" s="113"/>
      <c r="R95" s="113"/>
      <c r="S95" s="113"/>
      <c r="T95" s="113"/>
      <c r="U95" s="113"/>
      <c r="V95" s="114"/>
      <c r="W95" s="101" t="s">
        <v>313</v>
      </c>
      <c r="X95" s="1"/>
      <c r="Y95" s="1"/>
      <c r="Z95" s="1"/>
      <c r="AA95" s="1"/>
      <c r="AB95" s="1"/>
      <c r="AC95" s="1"/>
      <c r="AD95" s="115"/>
      <c r="AE95" s="129"/>
      <c r="AF95" s="129"/>
      <c r="AG95" s="129"/>
      <c r="AH95" s="130"/>
      <c r="AI95" s="101" t="s">
        <v>313</v>
      </c>
      <c r="AJ95" s="1"/>
      <c r="AK95" s="1"/>
      <c r="AL95" s="1"/>
      <c r="AM95" s="1"/>
      <c r="AN95" s="1"/>
      <c r="AO95" s="1"/>
      <c r="AP95" s="115"/>
      <c r="AQ95" s="129"/>
      <c r="AR95" s="129"/>
      <c r="AS95" s="129"/>
      <c r="AT95" s="130"/>
      <c r="AU95" s="195"/>
      <c r="AV95" s="86"/>
      <c r="AW95" s="338"/>
      <c r="AX95" s="338"/>
      <c r="AY95" s="338"/>
      <c r="AZ95" s="338"/>
      <c r="BA95" s="1"/>
      <c r="BB95" s="88"/>
      <c r="BC95" s="45"/>
      <c r="BD95" s="86"/>
      <c r="BE95" s="338"/>
      <c r="BF95" s="338"/>
      <c r="BG95" s="338"/>
      <c r="BH95" s="338"/>
      <c r="BI95" s="1"/>
      <c r="BJ95" s="110"/>
      <c r="BK95" s="139"/>
      <c r="BL95" s="139"/>
      <c r="BM95" s="139"/>
      <c r="BN95" s="139"/>
      <c r="BO95" s="139"/>
      <c r="BP95" s="139"/>
      <c r="BQ95" s="139"/>
      <c r="BR95" s="139"/>
    </row>
    <row r="96" spans="4:75" ht="20.100000000000001" customHeight="1">
      <c r="D96" s="293"/>
      <c r="E96" s="295"/>
      <c r="F96" s="89" t="s">
        <v>228</v>
      </c>
      <c r="G96" s="112"/>
      <c r="H96" s="112"/>
      <c r="I96" s="112"/>
      <c r="J96" s="112"/>
      <c r="K96" s="112"/>
      <c r="L96" s="112"/>
      <c r="M96" s="112"/>
      <c r="N96" s="112"/>
      <c r="O96" s="113"/>
      <c r="P96" s="113"/>
      <c r="Q96" s="113"/>
      <c r="R96" s="113"/>
      <c r="S96" s="113"/>
      <c r="T96" s="113"/>
      <c r="U96" s="113"/>
      <c r="V96" s="114"/>
      <c r="W96" s="195"/>
      <c r="X96" s="87"/>
      <c r="Y96" s="87"/>
      <c r="Z96" s="1"/>
      <c r="AA96" s="337"/>
      <c r="AB96" s="337"/>
      <c r="AC96" s="337"/>
      <c r="AD96" s="337"/>
      <c r="AE96" s="337" t="s">
        <v>82</v>
      </c>
      <c r="AF96" s="337"/>
      <c r="AG96" s="337"/>
      <c r="AH96" s="487"/>
      <c r="AI96" s="195"/>
      <c r="AJ96" s="87"/>
      <c r="AK96" s="87"/>
      <c r="AL96" s="1"/>
      <c r="AM96" s="337"/>
      <c r="AN96" s="337"/>
      <c r="AO96" s="337"/>
      <c r="AP96" s="337"/>
      <c r="AQ96" s="337" t="s">
        <v>82</v>
      </c>
      <c r="AR96" s="337"/>
      <c r="AS96" s="337"/>
      <c r="AT96" s="487"/>
      <c r="AU96" s="196"/>
      <c r="AV96" s="86"/>
      <c r="AW96" s="1"/>
      <c r="AX96" s="1"/>
      <c r="AY96" s="1"/>
      <c r="AZ96" s="1"/>
      <c r="BA96" s="1"/>
      <c r="BB96" s="86"/>
      <c r="BC96" s="45"/>
      <c r="BD96" s="1"/>
      <c r="BE96" s="1"/>
      <c r="BF96" s="1"/>
      <c r="BG96" s="86"/>
      <c r="BH96" s="86"/>
      <c r="BI96" s="1"/>
      <c r="BJ96" s="90"/>
      <c r="BK96" s="25"/>
      <c r="BL96" s="25"/>
      <c r="BR96" s="25"/>
    </row>
    <row r="97" spans="4:140" ht="20.100000000000001" customHeight="1">
      <c r="D97" s="293"/>
      <c r="E97" s="295"/>
      <c r="F97" s="195" t="s">
        <v>314</v>
      </c>
      <c r="G97" s="87"/>
      <c r="H97" s="87"/>
      <c r="I97" s="87"/>
      <c r="J97" s="87"/>
      <c r="K97" s="87"/>
      <c r="L97" s="87"/>
      <c r="M97" s="87"/>
      <c r="N97" s="87"/>
      <c r="O97" s="108"/>
      <c r="P97" s="108"/>
      <c r="Q97" s="108"/>
      <c r="R97" s="108"/>
      <c r="S97" s="108"/>
      <c r="T97" s="108"/>
      <c r="U97" s="108"/>
      <c r="V97" s="109"/>
      <c r="W97" s="494" t="s">
        <v>315</v>
      </c>
      <c r="X97" s="495"/>
      <c r="Y97" s="495"/>
      <c r="Z97" s="495"/>
      <c r="AA97" s="495"/>
      <c r="AB97" s="495"/>
      <c r="AC97" s="495"/>
      <c r="AD97" s="495"/>
      <c r="AE97" s="496"/>
      <c r="AF97" s="496"/>
      <c r="AG97" s="496"/>
      <c r="AH97" s="488"/>
      <c r="AI97" s="494" t="s">
        <v>315</v>
      </c>
      <c r="AJ97" s="495"/>
      <c r="AK97" s="495"/>
      <c r="AL97" s="495"/>
      <c r="AM97" s="495"/>
      <c r="AN97" s="495"/>
      <c r="AO97" s="495"/>
      <c r="AP97" s="495"/>
      <c r="AQ97" s="496"/>
      <c r="AR97" s="496"/>
      <c r="AS97" s="496"/>
      <c r="AT97" s="488"/>
      <c r="AU97" s="195"/>
      <c r="AV97" s="1"/>
      <c r="AW97" s="1"/>
      <c r="AX97" s="1"/>
      <c r="AY97" s="1"/>
      <c r="AZ97" s="1"/>
      <c r="BA97" s="1"/>
      <c r="BB97" s="1"/>
      <c r="BC97" s="45"/>
      <c r="BD97" s="1"/>
      <c r="BE97" s="1"/>
      <c r="BF97" s="1"/>
      <c r="BG97" s="1"/>
      <c r="BH97" s="1"/>
      <c r="BI97" s="1"/>
      <c r="BJ97" s="90"/>
    </row>
    <row r="98" spans="4:140" ht="20.100000000000001" customHeight="1">
      <c r="D98" s="293"/>
      <c r="E98" s="295"/>
      <c r="F98" s="195" t="s">
        <v>316</v>
      </c>
      <c r="G98" s="86"/>
      <c r="H98" s="86"/>
      <c r="I98" s="86"/>
      <c r="J98" s="116"/>
      <c r="K98" s="87"/>
      <c r="L98" s="87"/>
      <c r="M98" s="87"/>
      <c r="N98" s="87"/>
      <c r="O98" s="108"/>
      <c r="P98" s="108"/>
      <c r="Q98" s="108"/>
      <c r="R98" s="108"/>
      <c r="S98" s="108"/>
      <c r="T98" s="108"/>
      <c r="U98" s="108"/>
      <c r="V98" s="109"/>
      <c r="W98" s="133"/>
      <c r="X98" s="87"/>
      <c r="Y98" s="87"/>
      <c r="Z98" s="1"/>
      <c r="AA98" s="337" t="s">
        <v>82</v>
      </c>
      <c r="AB98" s="337"/>
      <c r="AC98" s="337"/>
      <c r="AD98" s="337"/>
      <c r="AE98" s="337" t="s">
        <v>82</v>
      </c>
      <c r="AF98" s="337"/>
      <c r="AG98" s="337"/>
      <c r="AH98" s="487"/>
      <c r="AI98" s="133"/>
      <c r="AJ98" s="87"/>
      <c r="AK98" s="87"/>
      <c r="AL98" s="1"/>
      <c r="AM98" s="337" t="s">
        <v>82</v>
      </c>
      <c r="AN98" s="337"/>
      <c r="AO98" s="337"/>
      <c r="AP98" s="337"/>
      <c r="AQ98" s="337" t="s">
        <v>82</v>
      </c>
      <c r="AR98" s="337"/>
      <c r="AS98" s="337"/>
      <c r="AT98" s="487"/>
      <c r="AU98" s="195"/>
      <c r="AV98" s="1"/>
      <c r="AW98" s="1"/>
      <c r="AX98" s="1"/>
      <c r="AY98" s="1"/>
      <c r="AZ98" s="1"/>
      <c r="BA98" s="1"/>
      <c r="BB98" s="1"/>
      <c r="BC98" s="45"/>
      <c r="BD98" s="1"/>
      <c r="BE98" s="1"/>
      <c r="BF98" s="1"/>
      <c r="BG98" s="1"/>
      <c r="BH98" s="1"/>
      <c r="BI98" s="1"/>
      <c r="BJ98" s="90"/>
    </row>
    <row r="99" spans="4:140" ht="19.5" customHeight="1">
      <c r="D99" s="293"/>
      <c r="E99" s="295"/>
      <c r="F99" s="195" t="s">
        <v>233</v>
      </c>
      <c r="G99" s="86"/>
      <c r="H99" s="86"/>
      <c r="I99" s="86"/>
      <c r="J99" s="116"/>
      <c r="K99" s="87"/>
      <c r="L99" s="87"/>
      <c r="M99" s="87"/>
      <c r="N99" s="87"/>
      <c r="O99" s="108"/>
      <c r="P99" s="108"/>
      <c r="Q99" s="108"/>
      <c r="R99" s="108"/>
      <c r="S99" s="108"/>
      <c r="T99" s="108"/>
      <c r="U99" s="108"/>
      <c r="V99" s="109"/>
      <c r="W99" s="489" t="s">
        <v>317</v>
      </c>
      <c r="X99" s="490"/>
      <c r="Y99" s="490"/>
      <c r="Z99" s="490"/>
      <c r="AA99" s="490"/>
      <c r="AB99" s="490"/>
      <c r="AC99" s="490"/>
      <c r="AD99" s="490"/>
      <c r="AE99" s="490"/>
      <c r="AF99" s="490"/>
      <c r="AG99" s="490"/>
      <c r="AH99" s="491"/>
      <c r="AI99" s="489" t="s">
        <v>317</v>
      </c>
      <c r="AJ99" s="490"/>
      <c r="AK99" s="490"/>
      <c r="AL99" s="490"/>
      <c r="AM99" s="490"/>
      <c r="AN99" s="490"/>
      <c r="AO99" s="490"/>
      <c r="AP99" s="490"/>
      <c r="AQ99" s="490"/>
      <c r="AR99" s="490"/>
      <c r="AS99" s="490"/>
      <c r="AT99" s="491"/>
      <c r="AU99" s="6"/>
      <c r="BC99" s="91"/>
      <c r="BJ99" s="7"/>
    </row>
    <row r="100" spans="4:140" ht="19.5" customHeight="1">
      <c r="D100" s="296"/>
      <c r="E100" s="298"/>
      <c r="F100" s="117" t="s">
        <v>318</v>
      </c>
      <c r="G100" s="118"/>
      <c r="H100" s="118"/>
      <c r="I100" s="118"/>
      <c r="J100" s="118"/>
      <c r="K100" s="118"/>
      <c r="L100" s="119"/>
      <c r="M100" s="119"/>
      <c r="N100" s="119"/>
      <c r="O100" s="120"/>
      <c r="P100" s="120"/>
      <c r="Q100" s="120"/>
      <c r="R100" s="120"/>
      <c r="S100" s="120"/>
      <c r="T100" s="120"/>
      <c r="U100" s="120"/>
      <c r="V100" s="121"/>
      <c r="W100" s="117"/>
      <c r="X100" s="122"/>
      <c r="Y100" s="492"/>
      <c r="Z100" s="492"/>
      <c r="AA100" s="492"/>
      <c r="AB100" s="492"/>
      <c r="AC100" s="123"/>
      <c r="AD100" s="124"/>
      <c r="AE100" s="343" t="s">
        <v>82</v>
      </c>
      <c r="AF100" s="343"/>
      <c r="AG100" s="343"/>
      <c r="AH100" s="493"/>
      <c r="AI100" s="117"/>
      <c r="AJ100" s="122"/>
      <c r="AK100" s="492"/>
      <c r="AL100" s="492"/>
      <c r="AM100" s="492"/>
      <c r="AN100" s="492"/>
      <c r="AO100" s="123"/>
      <c r="AP100" s="124"/>
      <c r="AQ100" s="343" t="s">
        <v>82</v>
      </c>
      <c r="AR100" s="343"/>
      <c r="AS100" s="343"/>
      <c r="AT100" s="493"/>
      <c r="AU100" s="8"/>
      <c r="AV100" s="100"/>
      <c r="AW100" s="100"/>
      <c r="AX100" s="100"/>
      <c r="AY100" s="100"/>
      <c r="AZ100" s="100"/>
      <c r="BA100" s="100"/>
      <c r="BB100" s="100"/>
      <c r="BC100" s="92"/>
      <c r="BD100" s="100"/>
      <c r="BE100" s="100"/>
      <c r="BF100" s="100"/>
      <c r="BG100" s="100"/>
      <c r="BH100" s="100"/>
      <c r="BI100" s="100"/>
      <c r="BJ100" s="9"/>
      <c r="BK100" s="6"/>
    </row>
    <row r="101" spans="4:140" ht="14.25" customHeight="1">
      <c r="D101" s="50"/>
      <c r="F101" s="302"/>
      <c r="G101" s="302"/>
      <c r="H101" s="302"/>
      <c r="I101" s="302"/>
      <c r="J101" s="302"/>
      <c r="K101" s="302"/>
      <c r="L101" s="302"/>
      <c r="M101" s="302"/>
      <c r="N101" s="302"/>
      <c r="O101" s="302"/>
      <c r="P101" s="302"/>
      <c r="Q101" s="302"/>
      <c r="R101" s="302"/>
      <c r="S101" s="302"/>
      <c r="T101" s="302"/>
      <c r="U101" s="302"/>
      <c r="V101" s="302"/>
      <c r="W101" s="302"/>
      <c r="X101" s="302"/>
      <c r="Y101" s="302"/>
      <c r="Z101" s="302"/>
      <c r="AA101" s="302"/>
      <c r="AB101" s="302"/>
      <c r="AC101" s="302"/>
      <c r="AD101" s="302"/>
      <c r="AE101" s="302"/>
      <c r="AF101" s="302"/>
      <c r="AG101" s="302"/>
      <c r="AH101" s="302"/>
      <c r="AI101" s="302"/>
      <c r="AJ101" s="302"/>
      <c r="AK101" s="302"/>
      <c r="AL101" s="302"/>
      <c r="AM101" s="302"/>
      <c r="AN101" s="302"/>
      <c r="AO101" s="302"/>
      <c r="AP101" s="302"/>
      <c r="AQ101" s="302"/>
      <c r="AR101" s="302"/>
      <c r="AS101" s="302"/>
      <c r="AT101" s="302"/>
      <c r="AU101" s="302"/>
      <c r="AV101" s="302"/>
      <c r="AW101" s="302"/>
      <c r="AX101" s="302"/>
      <c r="AY101" s="302"/>
      <c r="AZ101" s="302"/>
      <c r="BA101" s="302"/>
      <c r="BB101" s="302"/>
      <c r="BC101" s="302"/>
      <c r="BD101" s="302"/>
      <c r="BE101" s="302"/>
      <c r="BF101" s="302"/>
      <c r="BG101" s="302"/>
      <c r="BH101" s="302"/>
      <c r="BI101" s="302"/>
      <c r="BJ101" s="302"/>
      <c r="BK101" s="69"/>
      <c r="BL101" s="69"/>
      <c r="BM101" s="69"/>
      <c r="BN101" s="69"/>
    </row>
    <row r="102" spans="4:140" ht="8.25" customHeight="1">
      <c r="M102" s="139"/>
      <c r="N102" s="139"/>
      <c r="O102" s="139"/>
      <c r="P102" s="139"/>
      <c r="Q102" s="139"/>
      <c r="R102" s="139"/>
      <c r="S102" s="139"/>
      <c r="T102" s="139"/>
      <c r="U102" s="139"/>
      <c r="V102" s="139"/>
      <c r="W102" s="139"/>
      <c r="X102" s="139"/>
      <c r="Y102" s="139"/>
      <c r="Z102" s="139"/>
      <c r="AA102" s="139"/>
      <c r="AB102" s="139"/>
      <c r="AC102" s="139"/>
      <c r="AD102" s="139"/>
      <c r="AE102" s="139"/>
      <c r="AF102" s="139"/>
      <c r="AG102" s="139"/>
      <c r="AH102" s="139"/>
      <c r="AI102" s="139"/>
      <c r="AJ102" s="139"/>
      <c r="AK102" s="139"/>
      <c r="AL102" s="29"/>
      <c r="AM102" s="29"/>
      <c r="AN102" s="29"/>
      <c r="AO102" s="100"/>
      <c r="AP102" s="100"/>
      <c r="AQ102" s="29"/>
      <c r="AR102" s="29"/>
      <c r="AS102" s="29"/>
      <c r="AT102" s="29"/>
      <c r="AU102" s="29"/>
      <c r="AV102" s="29"/>
      <c r="AW102" s="29"/>
      <c r="AX102" s="29"/>
      <c r="AY102" s="29"/>
      <c r="AZ102" s="29"/>
      <c r="BA102" s="29"/>
      <c r="BB102" s="29"/>
      <c r="BC102" s="29"/>
      <c r="BD102" s="29"/>
      <c r="BE102" s="29"/>
      <c r="BF102" s="29"/>
      <c r="BG102" s="29"/>
      <c r="BH102" s="29"/>
      <c r="BI102" s="139"/>
      <c r="BJ102" s="139"/>
      <c r="BK102" s="139"/>
      <c r="BL102" s="139"/>
      <c r="BM102" s="139"/>
      <c r="BN102" s="139"/>
      <c r="BO102" s="139"/>
      <c r="BP102" s="139"/>
      <c r="BQ102" s="139"/>
      <c r="BR102" s="139"/>
      <c r="BS102" s="139"/>
      <c r="BT102" s="139"/>
      <c r="BU102" s="139"/>
      <c r="BV102" s="139"/>
      <c r="BW102" s="139"/>
    </row>
    <row r="103" spans="4:140" ht="15" customHeight="1">
      <c r="D103" s="192"/>
      <c r="E103" s="271" t="s">
        <v>337</v>
      </c>
      <c r="F103" s="271"/>
      <c r="G103" s="160"/>
      <c r="H103" s="160" t="s">
        <v>178</v>
      </c>
      <c r="I103" s="160"/>
      <c r="J103" s="160"/>
      <c r="K103" s="160"/>
      <c r="L103" s="160"/>
      <c r="M103" s="160"/>
      <c r="N103" s="160"/>
      <c r="O103" s="160"/>
      <c r="P103" s="160"/>
      <c r="Q103" s="160"/>
      <c r="R103" s="160"/>
      <c r="S103" s="160"/>
      <c r="T103" s="160"/>
      <c r="U103" s="160"/>
      <c r="V103" s="160"/>
      <c r="W103" s="160"/>
      <c r="X103" s="160"/>
      <c r="Y103" s="160"/>
      <c r="Z103" s="160"/>
      <c r="AA103" s="160"/>
      <c r="AB103" s="160"/>
      <c r="AC103" s="160"/>
      <c r="AD103" s="160"/>
      <c r="AE103" s="160"/>
      <c r="AF103" s="160"/>
      <c r="AG103" s="160"/>
      <c r="AH103" s="160"/>
      <c r="AI103" s="160"/>
      <c r="AJ103" s="160"/>
      <c r="AK103" s="160"/>
      <c r="AL103" s="160"/>
      <c r="AM103" s="160"/>
      <c r="AN103" s="160"/>
      <c r="AO103" s="160"/>
      <c r="AP103" s="160"/>
      <c r="AQ103" s="160"/>
      <c r="AR103" s="160"/>
      <c r="AS103" s="160"/>
      <c r="AT103" s="160"/>
      <c r="AU103" s="160"/>
      <c r="AV103" s="160"/>
      <c r="AW103" s="160"/>
      <c r="AX103" s="160"/>
      <c r="AY103" s="160"/>
      <c r="AZ103" s="160"/>
      <c r="BA103" s="160"/>
      <c r="BB103" s="160"/>
      <c r="BC103" s="271"/>
      <c r="BD103" s="271"/>
      <c r="BE103" s="271"/>
      <c r="BF103" s="271"/>
      <c r="BG103" s="160" t="s">
        <v>82</v>
      </c>
      <c r="BH103" s="160"/>
      <c r="BI103" s="160"/>
      <c r="BJ103" s="160"/>
      <c r="BK103" s="99"/>
      <c r="BL103" s="99"/>
      <c r="BM103" s="99"/>
      <c r="BN103" s="3"/>
    </row>
    <row r="104" spans="4:140" ht="15" customHeight="1">
      <c r="D104" s="190"/>
      <c r="E104" s="135"/>
      <c r="F104" s="135"/>
      <c r="G104" s="162"/>
      <c r="I104" s="93" t="s">
        <v>338</v>
      </c>
      <c r="J104" s="213" t="s">
        <v>339</v>
      </c>
      <c r="K104" s="213"/>
      <c r="L104" s="213"/>
      <c r="M104" s="213"/>
      <c r="N104" s="213"/>
      <c r="O104" s="213"/>
      <c r="P104" s="213"/>
      <c r="Q104" s="213"/>
      <c r="R104" s="213"/>
      <c r="S104" s="213"/>
      <c r="T104" s="213"/>
      <c r="U104" s="213"/>
      <c r="V104" s="213"/>
      <c r="W104" s="213"/>
      <c r="X104" s="213"/>
      <c r="Y104" s="213"/>
      <c r="Z104" s="213"/>
      <c r="AA104" s="213"/>
      <c r="AB104" s="213"/>
      <c r="AC104" s="213"/>
      <c r="AD104" s="213"/>
      <c r="AE104" s="213"/>
      <c r="AF104" s="213"/>
      <c r="AG104" s="213"/>
      <c r="AH104" s="213"/>
      <c r="AI104" s="213"/>
      <c r="AJ104" s="213"/>
      <c r="AK104" s="213"/>
      <c r="AL104" s="213"/>
      <c r="AM104" s="213"/>
      <c r="AN104" s="213"/>
      <c r="AO104" s="213"/>
      <c r="AP104" s="213"/>
      <c r="AQ104" s="213"/>
      <c r="AR104" s="213"/>
      <c r="AS104" s="213"/>
      <c r="AT104" s="213"/>
      <c r="AU104" s="213"/>
      <c r="AV104" s="213"/>
      <c r="AW104" s="213"/>
      <c r="AX104" s="213"/>
      <c r="AY104" s="213"/>
      <c r="AZ104" s="213"/>
      <c r="BA104" s="213"/>
      <c r="BB104" s="213"/>
      <c r="BC104" s="213"/>
      <c r="BD104" s="213"/>
      <c r="BE104" s="213"/>
      <c r="BF104" s="213"/>
      <c r="BG104" s="213"/>
      <c r="BH104" s="162"/>
      <c r="BI104" s="162"/>
      <c r="BJ104" s="162"/>
      <c r="BN104" s="7"/>
    </row>
    <row r="105" spans="4:140" ht="15" customHeight="1">
      <c r="D105" s="190"/>
      <c r="E105" s="135"/>
      <c r="F105" s="135"/>
      <c r="G105" s="162"/>
      <c r="H105" s="162"/>
      <c r="I105" s="162"/>
      <c r="J105" s="213"/>
      <c r="K105" s="213"/>
      <c r="L105" s="213"/>
      <c r="M105" s="213"/>
      <c r="N105" s="213"/>
      <c r="O105" s="213"/>
      <c r="P105" s="213"/>
      <c r="Q105" s="213"/>
      <c r="R105" s="213"/>
      <c r="S105" s="213"/>
      <c r="T105" s="213"/>
      <c r="U105" s="213"/>
      <c r="V105" s="213"/>
      <c r="W105" s="213"/>
      <c r="X105" s="213"/>
      <c r="Y105" s="213"/>
      <c r="Z105" s="213"/>
      <c r="AA105" s="213"/>
      <c r="AB105" s="213"/>
      <c r="AC105" s="213"/>
      <c r="AD105" s="213"/>
      <c r="AE105" s="213"/>
      <c r="AF105" s="213"/>
      <c r="AG105" s="213"/>
      <c r="AH105" s="213"/>
      <c r="AI105" s="213"/>
      <c r="AJ105" s="213"/>
      <c r="AK105" s="213"/>
      <c r="AL105" s="213"/>
      <c r="AM105" s="213"/>
      <c r="AN105" s="213"/>
      <c r="AO105" s="213"/>
      <c r="AP105" s="213"/>
      <c r="AQ105" s="213"/>
      <c r="AR105" s="213"/>
      <c r="AS105" s="213"/>
      <c r="AT105" s="213"/>
      <c r="AU105" s="213"/>
      <c r="AV105" s="213"/>
      <c r="AW105" s="213"/>
      <c r="AX105" s="213"/>
      <c r="AY105" s="213"/>
      <c r="AZ105" s="213"/>
      <c r="BA105" s="213"/>
      <c r="BB105" s="213"/>
      <c r="BC105" s="213"/>
      <c r="BD105" s="213"/>
      <c r="BE105" s="213"/>
      <c r="BF105" s="213"/>
      <c r="BG105" s="213"/>
      <c r="BH105" s="162"/>
      <c r="BI105" s="162"/>
      <c r="BJ105" s="162"/>
      <c r="BN105" s="7"/>
    </row>
    <row r="106" spans="4:140" ht="15" customHeight="1">
      <c r="D106" s="190"/>
      <c r="E106" s="135"/>
      <c r="F106" s="135"/>
      <c r="G106" s="162"/>
      <c r="H106" s="162"/>
      <c r="I106" s="162"/>
      <c r="J106" s="213"/>
      <c r="K106" s="213"/>
      <c r="L106" s="213"/>
      <c r="M106" s="213"/>
      <c r="N106" s="213"/>
      <c r="O106" s="213"/>
      <c r="P106" s="213"/>
      <c r="Q106" s="213"/>
      <c r="R106" s="213"/>
      <c r="S106" s="213"/>
      <c r="T106" s="213"/>
      <c r="U106" s="213"/>
      <c r="V106" s="213"/>
      <c r="W106" s="213"/>
      <c r="X106" s="213"/>
      <c r="Y106" s="213"/>
      <c r="Z106" s="213"/>
      <c r="AA106" s="213"/>
      <c r="AB106" s="213"/>
      <c r="AC106" s="213"/>
      <c r="AD106" s="213"/>
      <c r="AE106" s="213"/>
      <c r="AF106" s="213"/>
      <c r="AG106" s="213"/>
      <c r="AH106" s="213"/>
      <c r="AI106" s="213"/>
      <c r="AJ106" s="213"/>
      <c r="AK106" s="213"/>
      <c r="AL106" s="213"/>
      <c r="AM106" s="213"/>
      <c r="AN106" s="213"/>
      <c r="AO106" s="213"/>
      <c r="AP106" s="213"/>
      <c r="AQ106" s="213"/>
      <c r="AR106" s="213"/>
      <c r="AS106" s="213"/>
      <c r="AT106" s="213"/>
      <c r="AU106" s="213"/>
      <c r="AV106" s="213"/>
      <c r="AW106" s="213"/>
      <c r="AX106" s="213"/>
      <c r="AY106" s="213"/>
      <c r="AZ106" s="213"/>
      <c r="BA106" s="213"/>
      <c r="BB106" s="213"/>
      <c r="BC106" s="213"/>
      <c r="BD106" s="213"/>
      <c r="BE106" s="213"/>
      <c r="BF106" s="213"/>
      <c r="BG106" s="213"/>
      <c r="BH106" s="162"/>
      <c r="BI106" s="162"/>
      <c r="BJ106" s="162"/>
      <c r="BN106" s="7"/>
    </row>
    <row r="107" spans="4:140" ht="15" customHeight="1">
      <c r="D107" s="190"/>
      <c r="E107" s="162"/>
      <c r="F107" s="42"/>
      <c r="G107" s="162"/>
      <c r="H107" s="162" t="s">
        <v>340</v>
      </c>
      <c r="I107" s="162"/>
      <c r="J107" s="162"/>
      <c r="K107" s="162"/>
      <c r="L107" s="162"/>
      <c r="M107" s="162" t="s">
        <v>357</v>
      </c>
      <c r="N107" s="162"/>
      <c r="O107" s="162"/>
      <c r="Q107" s="162"/>
      <c r="R107" s="162"/>
      <c r="S107" s="162"/>
      <c r="T107" s="162"/>
      <c r="U107" s="162"/>
      <c r="V107" s="162"/>
      <c r="W107" s="162"/>
      <c r="X107" s="162"/>
      <c r="Y107" s="162"/>
      <c r="Z107" s="162"/>
      <c r="AA107" s="162"/>
      <c r="AB107" s="162"/>
      <c r="AC107" s="162"/>
      <c r="AD107" s="162"/>
      <c r="AE107" s="162"/>
      <c r="AF107" s="162"/>
      <c r="AG107" s="162"/>
      <c r="AH107" s="162"/>
      <c r="AI107" s="162"/>
      <c r="AJ107" s="162"/>
      <c r="AK107" s="162"/>
      <c r="AL107" s="162"/>
      <c r="AM107" s="162"/>
      <c r="AN107" s="162"/>
      <c r="AO107" s="162"/>
      <c r="AP107" s="162"/>
      <c r="AQ107" s="162"/>
      <c r="AR107" s="162"/>
      <c r="AS107" s="162"/>
      <c r="AT107" s="162"/>
      <c r="AU107" s="162"/>
      <c r="AV107" s="162"/>
      <c r="AW107" s="162"/>
      <c r="AX107" s="162"/>
      <c r="AY107" s="162"/>
      <c r="AZ107" s="162"/>
      <c r="BA107" s="162"/>
      <c r="BB107" s="162"/>
      <c r="BC107" s="209"/>
      <c r="BD107" s="209"/>
      <c r="BE107" s="209"/>
      <c r="BF107" s="209"/>
      <c r="BG107" s="162" t="s">
        <v>82</v>
      </c>
      <c r="BH107" s="162"/>
      <c r="BI107" s="162"/>
      <c r="BJ107" s="162"/>
      <c r="BN107" s="7"/>
    </row>
    <row r="108" spans="4:140" ht="5.0999999999999996" customHeight="1">
      <c r="D108" s="190"/>
      <c r="E108" s="162"/>
      <c r="F108" s="42"/>
      <c r="G108" s="162"/>
      <c r="H108" s="162"/>
      <c r="I108" s="162"/>
      <c r="J108" s="162"/>
      <c r="K108" s="162"/>
      <c r="L108" s="162"/>
      <c r="M108" s="162"/>
      <c r="N108" s="162"/>
      <c r="O108" s="162"/>
      <c r="Q108" s="162"/>
      <c r="R108" s="162"/>
      <c r="S108" s="162"/>
      <c r="T108" s="162"/>
      <c r="U108" s="162"/>
      <c r="V108" s="162"/>
      <c r="W108" s="162"/>
      <c r="X108" s="162"/>
      <c r="Y108" s="162"/>
      <c r="Z108" s="162"/>
      <c r="AA108" s="162"/>
      <c r="AB108" s="162"/>
      <c r="AC108" s="162"/>
      <c r="AD108" s="162"/>
      <c r="AE108" s="162"/>
      <c r="AF108" s="162"/>
      <c r="AG108" s="162"/>
      <c r="AH108" s="162"/>
      <c r="AI108" s="162"/>
      <c r="AJ108" s="162"/>
      <c r="AK108" s="162"/>
      <c r="AL108" s="162"/>
      <c r="AM108" s="162"/>
      <c r="AN108" s="162"/>
      <c r="AO108" s="162"/>
      <c r="AP108" s="162"/>
      <c r="AQ108" s="162"/>
      <c r="AR108" s="162"/>
      <c r="AS108" s="162"/>
      <c r="AT108" s="162"/>
      <c r="AU108" s="162"/>
      <c r="AV108" s="162"/>
      <c r="AW108" s="162"/>
      <c r="AX108" s="162"/>
      <c r="AY108" s="162"/>
      <c r="AZ108" s="162"/>
      <c r="BA108" s="162"/>
      <c r="BB108" s="162"/>
      <c r="BC108" s="135"/>
      <c r="BD108" s="135"/>
      <c r="BE108" s="135"/>
      <c r="BF108" s="135"/>
      <c r="BG108" s="162"/>
      <c r="BH108" s="162"/>
      <c r="BI108" s="162"/>
      <c r="BJ108" s="162"/>
      <c r="BN108" s="7"/>
    </row>
    <row r="109" spans="4:140" ht="15" customHeight="1">
      <c r="D109" s="190"/>
      <c r="E109" s="162"/>
      <c r="F109" s="42"/>
      <c r="G109" s="162"/>
      <c r="H109" s="162"/>
      <c r="I109" s="162"/>
      <c r="J109" s="125"/>
      <c r="K109" s="125"/>
      <c r="L109" s="125"/>
      <c r="M109" s="162" t="s">
        <v>358</v>
      </c>
      <c r="N109" s="125"/>
      <c r="O109" s="125"/>
      <c r="P109" s="125"/>
      <c r="Q109" s="125"/>
      <c r="R109" s="125"/>
      <c r="S109" s="125"/>
      <c r="T109" s="125"/>
      <c r="U109" s="125"/>
      <c r="V109" s="125"/>
      <c r="W109" s="125"/>
      <c r="X109" s="125"/>
      <c r="Y109" s="125"/>
      <c r="Z109" s="162"/>
      <c r="AA109" s="162"/>
      <c r="AB109" s="125"/>
      <c r="AC109" s="125"/>
      <c r="AD109" s="125"/>
      <c r="AE109" s="125"/>
      <c r="AF109" s="162"/>
      <c r="AG109" s="125"/>
      <c r="AH109" s="125"/>
      <c r="AI109" s="162"/>
      <c r="AJ109" s="162"/>
      <c r="AK109" s="162"/>
      <c r="AL109" s="162"/>
      <c r="AM109" s="162"/>
      <c r="AN109" s="162"/>
      <c r="AO109" s="162"/>
      <c r="AP109" s="162"/>
      <c r="AQ109" s="162"/>
      <c r="AR109" s="162"/>
      <c r="AS109" s="162"/>
      <c r="AT109" s="162"/>
      <c r="AU109" s="162"/>
      <c r="AV109" s="162"/>
      <c r="AW109" s="162"/>
      <c r="AX109" s="162"/>
      <c r="AY109" s="162"/>
      <c r="AZ109" s="162"/>
      <c r="BA109" s="162"/>
      <c r="BB109" s="162"/>
      <c r="BC109" s="135"/>
      <c r="BD109" s="135"/>
      <c r="BE109" s="135"/>
      <c r="BF109" s="135"/>
      <c r="BG109" s="162" t="s">
        <v>82</v>
      </c>
      <c r="BH109" s="162"/>
      <c r="BI109" s="162"/>
      <c r="BJ109" s="162"/>
      <c r="BN109" s="7"/>
    </row>
    <row r="110" spans="4:140" ht="5.0999999999999996" customHeight="1">
      <c r="D110" s="190"/>
      <c r="E110" s="162"/>
      <c r="F110" s="42"/>
      <c r="G110" s="162"/>
      <c r="H110" s="162"/>
      <c r="I110" s="162"/>
      <c r="J110" s="125"/>
      <c r="K110" s="125"/>
      <c r="L110" s="125"/>
      <c r="M110" s="162"/>
      <c r="N110" s="125"/>
      <c r="O110" s="125"/>
      <c r="P110" s="125"/>
      <c r="Q110" s="125"/>
      <c r="R110" s="125"/>
      <c r="S110" s="125"/>
      <c r="T110" s="125"/>
      <c r="U110" s="125"/>
      <c r="V110" s="125"/>
      <c r="W110" s="125"/>
      <c r="X110" s="125"/>
      <c r="Y110" s="125"/>
      <c r="Z110" s="162"/>
      <c r="AA110" s="162"/>
      <c r="AB110" s="125"/>
      <c r="AC110" s="125"/>
      <c r="AD110" s="125"/>
      <c r="AE110" s="125"/>
      <c r="AF110" s="162"/>
      <c r="AG110" s="125"/>
      <c r="AH110" s="125"/>
      <c r="AI110" s="162"/>
      <c r="AJ110" s="162"/>
      <c r="AK110" s="162"/>
      <c r="AL110" s="162"/>
      <c r="AM110" s="162"/>
      <c r="AN110" s="162"/>
      <c r="AO110" s="162"/>
      <c r="AP110" s="162"/>
      <c r="AQ110" s="162"/>
      <c r="AR110" s="162"/>
      <c r="AS110" s="162"/>
      <c r="AT110" s="162"/>
      <c r="AU110" s="162"/>
      <c r="AV110" s="162"/>
      <c r="AW110" s="162"/>
      <c r="AX110" s="162"/>
      <c r="AY110" s="162"/>
      <c r="AZ110" s="162"/>
      <c r="BA110" s="162"/>
      <c r="BB110" s="162"/>
      <c r="BC110" s="135"/>
      <c r="BD110" s="135"/>
      <c r="BE110" s="135"/>
      <c r="BF110" s="135"/>
      <c r="BG110" s="162"/>
      <c r="BH110" s="162"/>
      <c r="BI110" s="162"/>
      <c r="BJ110" s="162"/>
      <c r="BN110" s="7"/>
    </row>
    <row r="111" spans="4:140" ht="15" customHeight="1">
      <c r="D111" s="190"/>
      <c r="E111" s="162"/>
      <c r="F111" s="42"/>
      <c r="G111" s="162"/>
      <c r="H111" s="162"/>
      <c r="I111" s="162"/>
      <c r="J111" s="125"/>
      <c r="K111" s="125"/>
      <c r="L111" s="125"/>
      <c r="M111" s="102" t="s">
        <v>359</v>
      </c>
      <c r="N111" s="125"/>
      <c r="O111" s="125"/>
      <c r="P111" s="125"/>
      <c r="Q111" s="125"/>
      <c r="R111" s="125"/>
      <c r="S111" s="125"/>
      <c r="T111" s="125"/>
      <c r="U111" s="125"/>
      <c r="V111" s="125"/>
      <c r="W111" s="125"/>
      <c r="X111" s="125"/>
      <c r="Y111" s="125"/>
      <c r="AB111" s="125"/>
      <c r="AC111" s="125"/>
      <c r="AD111" s="125"/>
      <c r="AE111" s="125"/>
      <c r="AG111" s="125"/>
      <c r="AH111" s="125"/>
      <c r="AI111" s="162"/>
      <c r="AK111" s="162"/>
      <c r="AL111" s="162"/>
      <c r="AM111" s="162"/>
      <c r="AN111" s="162"/>
      <c r="AO111" s="162"/>
      <c r="AP111" s="162"/>
      <c r="AQ111" s="162"/>
      <c r="AR111" s="162"/>
      <c r="AS111" s="162"/>
      <c r="AT111" s="162"/>
      <c r="AU111" s="162"/>
      <c r="AV111" s="162"/>
      <c r="AW111" s="162"/>
      <c r="AX111" s="162"/>
      <c r="AY111" s="162"/>
      <c r="AZ111" s="162"/>
      <c r="BA111" s="162"/>
      <c r="BB111" s="162"/>
      <c r="BC111" s="126"/>
      <c r="BD111" s="126"/>
      <c r="BE111" s="126"/>
      <c r="BF111" s="126"/>
      <c r="BG111" s="162" t="s">
        <v>82</v>
      </c>
      <c r="BH111" s="162"/>
      <c r="BI111" s="162"/>
      <c r="BJ111" s="162"/>
      <c r="BN111" s="7"/>
      <c r="BZ111" s="197"/>
      <c r="CA111" s="140"/>
      <c r="CB111" s="198"/>
      <c r="CC111" s="198"/>
      <c r="CD111" s="198"/>
      <c r="CE111" s="198"/>
      <c r="CF111" s="198"/>
      <c r="CG111" s="198"/>
      <c r="CH111" s="198"/>
      <c r="CI111" s="198"/>
      <c r="CJ111" s="198"/>
      <c r="CK111" s="198"/>
      <c r="CL111" s="198"/>
      <c r="CM111" s="198"/>
      <c r="CN111" s="198"/>
      <c r="CO111" s="198"/>
      <c r="CP111" s="198"/>
      <c r="CQ111" s="198"/>
      <c r="CR111" s="198"/>
      <c r="CS111" s="198"/>
      <c r="CT111" s="198"/>
      <c r="CU111" s="198"/>
      <c r="CV111" s="198"/>
      <c r="CW111" s="198"/>
      <c r="CX111" s="198"/>
      <c r="CY111" s="198"/>
      <c r="CZ111" s="198"/>
      <c r="DA111" s="198"/>
      <c r="DB111" s="198"/>
      <c r="DC111" s="198"/>
      <c r="DD111" s="198"/>
      <c r="DE111" s="198"/>
      <c r="DF111" s="198"/>
      <c r="DG111" s="198"/>
      <c r="DH111" s="198"/>
      <c r="DI111" s="198"/>
      <c r="DJ111" s="198"/>
      <c r="DK111" s="198"/>
      <c r="DL111" s="198"/>
      <c r="DM111" s="198"/>
      <c r="DN111" s="198"/>
      <c r="DO111" s="198"/>
      <c r="DP111" s="198"/>
      <c r="DQ111" s="198"/>
      <c r="DR111" s="198"/>
      <c r="DS111" s="198"/>
      <c r="DT111" s="198"/>
      <c r="DU111" s="198"/>
      <c r="DV111" s="198"/>
      <c r="DW111" s="198"/>
      <c r="DX111" s="198"/>
      <c r="DY111" s="198"/>
      <c r="DZ111" s="198"/>
      <c r="EA111" s="198"/>
      <c r="EB111" s="198"/>
      <c r="EC111" s="198"/>
      <c r="ED111" s="198"/>
      <c r="EE111" s="198"/>
      <c r="EF111" s="198"/>
      <c r="EG111" s="198"/>
      <c r="EH111" s="198"/>
      <c r="EI111" s="198"/>
      <c r="EJ111" s="198"/>
    </row>
    <row r="112" spans="4:140" ht="5.0999999999999996" customHeight="1">
      <c r="D112" s="190"/>
      <c r="E112" s="162"/>
      <c r="F112" s="42"/>
      <c r="G112" s="162"/>
      <c r="H112" s="162"/>
      <c r="I112" s="162"/>
      <c r="J112" s="125"/>
      <c r="K112" s="125"/>
      <c r="L112" s="125"/>
      <c r="N112" s="125"/>
      <c r="O112" s="125"/>
      <c r="P112" s="125"/>
      <c r="Q112" s="125"/>
      <c r="R112" s="125"/>
      <c r="S112" s="125"/>
      <c r="T112" s="125"/>
      <c r="U112" s="125"/>
      <c r="V112" s="125"/>
      <c r="W112" s="125"/>
      <c r="X112" s="125"/>
      <c r="Y112" s="125"/>
      <c r="AB112" s="125"/>
      <c r="AC112" s="125"/>
      <c r="AD112" s="125"/>
      <c r="AE112" s="125"/>
      <c r="AG112" s="125"/>
      <c r="AH112" s="125"/>
      <c r="AI112" s="162"/>
      <c r="AK112" s="162"/>
      <c r="AL112" s="162"/>
      <c r="AM112" s="162"/>
      <c r="AN112" s="162"/>
      <c r="AO112" s="162"/>
      <c r="AP112" s="162"/>
      <c r="AQ112" s="162"/>
      <c r="AR112" s="162"/>
      <c r="AS112" s="162"/>
      <c r="AT112" s="162"/>
      <c r="AU112" s="162"/>
      <c r="AV112" s="162"/>
      <c r="AW112" s="162"/>
      <c r="AX112" s="162"/>
      <c r="AY112" s="162"/>
      <c r="AZ112" s="162"/>
      <c r="BA112" s="162"/>
      <c r="BB112" s="162"/>
      <c r="BC112" s="126"/>
      <c r="BD112" s="126"/>
      <c r="BE112" s="126"/>
      <c r="BF112" s="126"/>
      <c r="BG112" s="162"/>
      <c r="BH112" s="162"/>
      <c r="BI112" s="162"/>
      <c r="BJ112" s="162"/>
      <c r="BN112" s="7"/>
      <c r="BZ112" s="197"/>
      <c r="CA112" s="140"/>
      <c r="CB112" s="198"/>
      <c r="CC112" s="198"/>
      <c r="CD112" s="198"/>
      <c r="CE112" s="198"/>
      <c r="CF112" s="198"/>
      <c r="CG112" s="198"/>
      <c r="CH112" s="198"/>
      <c r="CI112" s="198"/>
      <c r="CJ112" s="198"/>
      <c r="CK112" s="198"/>
      <c r="CL112" s="198"/>
      <c r="CM112" s="198"/>
      <c r="CN112" s="198"/>
      <c r="CO112" s="198"/>
      <c r="CP112" s="198"/>
      <c r="CQ112" s="198"/>
      <c r="CR112" s="198"/>
      <c r="CS112" s="198"/>
      <c r="CT112" s="198"/>
      <c r="CU112" s="198"/>
      <c r="CV112" s="198"/>
      <c r="CW112" s="198"/>
      <c r="CX112" s="198"/>
      <c r="CY112" s="198"/>
      <c r="CZ112" s="198"/>
      <c r="DA112" s="198"/>
      <c r="DB112" s="198"/>
      <c r="DC112" s="198"/>
      <c r="DD112" s="198"/>
      <c r="DE112" s="198"/>
      <c r="DF112" s="198"/>
      <c r="DG112" s="198"/>
      <c r="DH112" s="198"/>
      <c r="DI112" s="198"/>
      <c r="DJ112" s="198"/>
      <c r="DK112" s="198"/>
      <c r="DL112" s="198"/>
      <c r="DM112" s="198"/>
      <c r="DN112" s="198"/>
      <c r="DO112" s="198"/>
      <c r="DP112" s="198"/>
      <c r="DQ112" s="198"/>
      <c r="DR112" s="198"/>
      <c r="DS112" s="198"/>
      <c r="DT112" s="198"/>
      <c r="DU112" s="198"/>
      <c r="DV112" s="198"/>
      <c r="DW112" s="198"/>
      <c r="DX112" s="198"/>
      <c r="DY112" s="198"/>
      <c r="DZ112" s="198"/>
      <c r="EA112" s="198"/>
      <c r="EB112" s="198"/>
      <c r="EC112" s="198"/>
      <c r="ED112" s="198"/>
      <c r="EE112" s="198"/>
      <c r="EF112" s="198"/>
      <c r="EG112" s="198"/>
      <c r="EH112" s="198"/>
      <c r="EI112" s="198"/>
      <c r="EJ112" s="198"/>
    </row>
    <row r="113" spans="4:104" ht="15" customHeight="1">
      <c r="D113" s="190"/>
      <c r="E113" s="162"/>
      <c r="F113" s="42"/>
      <c r="G113" s="162"/>
      <c r="H113" s="162"/>
      <c r="I113" s="162"/>
      <c r="J113" s="125"/>
      <c r="K113" s="125"/>
      <c r="L113" s="125"/>
      <c r="M113" s="102" t="s">
        <v>360</v>
      </c>
      <c r="N113" s="125"/>
      <c r="O113" s="125"/>
      <c r="P113" s="125"/>
      <c r="Q113" s="125"/>
      <c r="R113" s="125"/>
      <c r="S113" s="125"/>
      <c r="T113" s="125"/>
      <c r="U113" s="125"/>
      <c r="V113" s="125"/>
      <c r="W113" s="125"/>
      <c r="X113" s="125"/>
      <c r="Y113" s="125"/>
      <c r="AB113" s="125"/>
      <c r="AC113" s="125"/>
      <c r="AD113" s="125"/>
      <c r="AE113" s="125"/>
      <c r="AG113" s="125"/>
      <c r="AH113" s="125"/>
      <c r="AK113" s="162"/>
      <c r="AL113" s="162"/>
      <c r="AM113" s="162"/>
      <c r="AN113" s="162"/>
      <c r="AO113" s="162"/>
      <c r="AP113" s="162"/>
      <c r="AQ113" s="162"/>
      <c r="AR113" s="162"/>
      <c r="AS113" s="162"/>
      <c r="AT113" s="162"/>
      <c r="AU113" s="162"/>
      <c r="AV113" s="162"/>
      <c r="AW113" s="162"/>
      <c r="AX113" s="162"/>
      <c r="AY113" s="162"/>
      <c r="AZ113" s="162"/>
      <c r="BA113" s="162"/>
      <c r="BB113" s="162"/>
      <c r="BC113" s="126"/>
      <c r="BD113" s="126"/>
      <c r="BE113" s="126"/>
      <c r="BF113" s="126"/>
      <c r="BG113" s="162" t="s">
        <v>82</v>
      </c>
      <c r="BH113" s="162"/>
      <c r="BI113" s="162"/>
      <c r="BJ113" s="162"/>
      <c r="BN113" s="7"/>
    </row>
    <row r="114" spans="4:104" ht="5.0999999999999996" customHeight="1">
      <c r="D114" s="190"/>
      <c r="E114" s="162"/>
      <c r="F114" s="42"/>
      <c r="G114" s="162"/>
      <c r="H114" s="162"/>
      <c r="I114" s="162"/>
      <c r="J114" s="125"/>
      <c r="K114" s="125"/>
      <c r="L114" s="125"/>
      <c r="N114" s="125"/>
      <c r="O114" s="125"/>
      <c r="P114" s="125"/>
      <c r="Q114" s="125"/>
      <c r="R114" s="125"/>
      <c r="S114" s="125"/>
      <c r="T114" s="125"/>
      <c r="U114" s="125"/>
      <c r="V114" s="125"/>
      <c r="W114" s="125"/>
      <c r="X114" s="125"/>
      <c r="Y114" s="125"/>
      <c r="AB114" s="125"/>
      <c r="AC114" s="125"/>
      <c r="AD114" s="125"/>
      <c r="AE114" s="125"/>
      <c r="AG114" s="125"/>
      <c r="AH114" s="125"/>
      <c r="AI114" s="162"/>
      <c r="AK114" s="162"/>
      <c r="AL114" s="162"/>
      <c r="AM114" s="162"/>
      <c r="AN114" s="162"/>
      <c r="AO114" s="162"/>
      <c r="AP114" s="162"/>
      <c r="AQ114" s="162"/>
      <c r="AR114" s="162"/>
      <c r="AS114" s="162"/>
      <c r="AT114" s="162"/>
      <c r="AU114" s="162"/>
      <c r="AV114" s="162"/>
      <c r="AW114" s="162"/>
      <c r="AX114" s="162"/>
      <c r="AY114" s="162"/>
      <c r="AZ114" s="162"/>
      <c r="BA114" s="162"/>
      <c r="BB114" s="162"/>
      <c r="BC114" s="126"/>
      <c r="BD114" s="126"/>
      <c r="BE114" s="126"/>
      <c r="BF114" s="126"/>
      <c r="BG114" s="162"/>
      <c r="BH114" s="162"/>
      <c r="BI114" s="162"/>
      <c r="BJ114" s="162"/>
      <c r="BN114" s="7"/>
    </row>
    <row r="115" spans="4:104" ht="15" customHeight="1">
      <c r="D115" s="190"/>
      <c r="E115" s="162"/>
      <c r="F115" s="42"/>
      <c r="G115" s="162"/>
      <c r="H115" s="162"/>
      <c r="I115" s="162"/>
      <c r="J115" s="162"/>
      <c r="K115" s="162"/>
      <c r="L115" s="162"/>
      <c r="M115" s="162" t="s">
        <v>361</v>
      </c>
      <c r="N115" s="162"/>
      <c r="O115" s="162"/>
      <c r="P115" s="162"/>
      <c r="Q115" s="162"/>
      <c r="R115" s="162"/>
      <c r="S115" s="162"/>
      <c r="T115" s="162"/>
      <c r="U115" s="162"/>
      <c r="V115" s="162"/>
      <c r="W115" s="162"/>
      <c r="X115" s="162"/>
      <c r="Y115" s="162"/>
      <c r="Z115" s="162"/>
      <c r="AA115" s="162"/>
      <c r="AB115" s="162"/>
      <c r="AC115" s="162"/>
      <c r="AD115" s="162"/>
      <c r="AE115" s="162"/>
      <c r="AF115" s="162"/>
      <c r="AG115" s="162"/>
      <c r="AH115" s="162"/>
      <c r="AI115" s="162"/>
      <c r="AK115" s="162"/>
      <c r="AL115" s="162"/>
      <c r="AM115" s="162"/>
      <c r="AN115" s="162"/>
      <c r="AO115" s="162"/>
      <c r="AP115" s="162"/>
      <c r="AQ115" s="162"/>
      <c r="AR115" s="162"/>
      <c r="AS115" s="162"/>
      <c r="AT115" s="162"/>
      <c r="AU115" s="162"/>
      <c r="AV115" s="162"/>
      <c r="AW115" s="162"/>
      <c r="AX115" s="162"/>
      <c r="AY115" s="162"/>
      <c r="AZ115" s="162"/>
      <c r="BA115" s="162"/>
      <c r="BB115" s="162"/>
      <c r="BC115" s="126"/>
      <c r="BD115" s="126"/>
      <c r="BE115" s="126"/>
      <c r="BF115" s="126"/>
      <c r="BG115" s="162" t="s">
        <v>82</v>
      </c>
      <c r="BH115" s="162"/>
      <c r="BI115" s="162"/>
      <c r="BJ115" s="162"/>
      <c r="BN115" s="7"/>
    </row>
    <row r="116" spans="4:104" ht="5.0999999999999996" customHeight="1">
      <c r="D116" s="190"/>
      <c r="E116" s="162"/>
      <c r="F116" s="42"/>
      <c r="G116" s="162"/>
      <c r="H116" s="162"/>
      <c r="I116" s="162"/>
      <c r="J116" s="125"/>
      <c r="K116" s="125"/>
      <c r="L116" s="125"/>
      <c r="N116" s="125"/>
      <c r="O116" s="125"/>
      <c r="P116" s="125"/>
      <c r="Q116" s="125"/>
      <c r="R116" s="125"/>
      <c r="S116" s="125"/>
      <c r="T116" s="125"/>
      <c r="U116" s="125"/>
      <c r="V116" s="125"/>
      <c r="W116" s="125"/>
      <c r="X116" s="125"/>
      <c r="Y116" s="125"/>
      <c r="AB116" s="125"/>
      <c r="AC116" s="125"/>
      <c r="AD116" s="125"/>
      <c r="AE116" s="125"/>
      <c r="AG116" s="125"/>
      <c r="AH116" s="125"/>
      <c r="AI116" s="162"/>
      <c r="AK116" s="162"/>
      <c r="AL116" s="162"/>
      <c r="AM116" s="162"/>
      <c r="AN116" s="162"/>
      <c r="AO116" s="162"/>
      <c r="AP116" s="162"/>
      <c r="AQ116" s="162"/>
      <c r="AR116" s="162"/>
      <c r="AS116" s="162"/>
      <c r="AT116" s="162"/>
      <c r="AU116" s="162"/>
      <c r="AV116" s="162"/>
      <c r="AW116" s="162"/>
      <c r="AX116" s="162"/>
      <c r="AY116" s="162"/>
      <c r="AZ116" s="162"/>
      <c r="BA116" s="162"/>
      <c r="BB116" s="162"/>
      <c r="BC116" s="126"/>
      <c r="BD116" s="126"/>
      <c r="BE116" s="126"/>
      <c r="BF116" s="126"/>
      <c r="BG116" s="162"/>
      <c r="BH116" s="162"/>
      <c r="BI116" s="162"/>
      <c r="BJ116" s="162"/>
      <c r="BN116" s="7"/>
    </row>
    <row r="117" spans="4:104" ht="14.1" customHeight="1">
      <c r="D117" s="190"/>
      <c r="E117" s="162"/>
      <c r="F117" s="42"/>
      <c r="G117" s="162"/>
      <c r="H117" s="162"/>
      <c r="I117" s="162"/>
      <c r="J117" s="162"/>
      <c r="K117" s="162"/>
      <c r="L117" s="162"/>
      <c r="M117" s="213" t="s">
        <v>362</v>
      </c>
      <c r="N117" s="213"/>
      <c r="O117" s="213"/>
      <c r="P117" s="213"/>
      <c r="Q117" s="213"/>
      <c r="R117" s="213"/>
      <c r="S117" s="213"/>
      <c r="T117" s="213"/>
      <c r="U117" s="213"/>
      <c r="V117" s="213"/>
      <c r="W117" s="213"/>
      <c r="X117" s="213"/>
      <c r="Y117" s="213"/>
      <c r="Z117" s="213"/>
      <c r="AA117" s="213"/>
      <c r="AB117" s="213"/>
      <c r="AC117" s="213"/>
      <c r="AD117" s="213"/>
      <c r="AE117" s="213"/>
      <c r="AF117" s="213"/>
      <c r="AG117" s="213"/>
      <c r="AH117" s="213"/>
      <c r="AI117" s="213"/>
      <c r="AJ117" s="213"/>
      <c r="AK117" s="213"/>
      <c r="AL117" s="213"/>
      <c r="AM117" s="213"/>
      <c r="AN117" s="213"/>
      <c r="AO117" s="213"/>
      <c r="AP117" s="213"/>
      <c r="AQ117" s="213"/>
      <c r="AR117" s="213"/>
      <c r="AS117" s="213"/>
      <c r="AT117" s="213"/>
      <c r="AU117" s="213"/>
      <c r="AV117" s="213"/>
      <c r="AW117" s="213"/>
      <c r="AX117" s="213"/>
      <c r="AY117" s="213"/>
      <c r="AZ117" s="213"/>
      <c r="BA117" s="213"/>
      <c r="BB117" s="213"/>
      <c r="BC117" s="126"/>
      <c r="BD117" s="126"/>
      <c r="BE117" s="126"/>
      <c r="BF117" s="126"/>
      <c r="BG117" s="162"/>
      <c r="BH117" s="162"/>
      <c r="BI117" s="162"/>
      <c r="BJ117" s="162"/>
      <c r="BN117" s="7"/>
    </row>
    <row r="118" spans="4:104" ht="14.1" customHeight="1">
      <c r="D118" s="190"/>
      <c r="E118" s="162"/>
      <c r="F118" s="42"/>
      <c r="G118" s="162"/>
      <c r="H118" s="162"/>
      <c r="I118" s="162"/>
      <c r="J118" s="162"/>
      <c r="K118" s="162"/>
      <c r="L118" s="162"/>
      <c r="M118" s="213"/>
      <c r="N118" s="213"/>
      <c r="O118" s="213"/>
      <c r="P118" s="213"/>
      <c r="Q118" s="213"/>
      <c r="R118" s="213"/>
      <c r="S118" s="213"/>
      <c r="T118" s="213"/>
      <c r="U118" s="213"/>
      <c r="V118" s="213"/>
      <c r="W118" s="213"/>
      <c r="X118" s="213"/>
      <c r="Y118" s="213"/>
      <c r="Z118" s="213"/>
      <c r="AA118" s="213"/>
      <c r="AB118" s="213"/>
      <c r="AC118" s="213"/>
      <c r="AD118" s="213"/>
      <c r="AE118" s="213"/>
      <c r="AF118" s="213"/>
      <c r="AG118" s="213"/>
      <c r="AH118" s="213"/>
      <c r="AI118" s="213"/>
      <c r="AJ118" s="213"/>
      <c r="AK118" s="213"/>
      <c r="AL118" s="213"/>
      <c r="AM118" s="213"/>
      <c r="AN118" s="213"/>
      <c r="AO118" s="213"/>
      <c r="AP118" s="213"/>
      <c r="AQ118" s="213"/>
      <c r="AR118" s="213"/>
      <c r="AS118" s="213"/>
      <c r="AT118" s="213"/>
      <c r="AU118" s="213"/>
      <c r="AV118" s="213"/>
      <c r="AW118" s="213"/>
      <c r="AX118" s="213"/>
      <c r="AY118" s="213"/>
      <c r="AZ118" s="213"/>
      <c r="BA118" s="213"/>
      <c r="BB118" s="213"/>
      <c r="BC118" s="126"/>
      <c r="BD118" s="126"/>
      <c r="BE118" s="126"/>
      <c r="BF118" s="126"/>
      <c r="BG118" s="162"/>
      <c r="BH118" s="162"/>
      <c r="BI118" s="162"/>
      <c r="BJ118" s="162"/>
      <c r="BN118" s="7"/>
    </row>
    <row r="119" spans="4:104" ht="14.1" customHeight="1">
      <c r="D119" s="190"/>
      <c r="E119" s="162"/>
      <c r="F119" s="42"/>
      <c r="G119" s="162"/>
      <c r="H119" s="162"/>
      <c r="I119" s="162"/>
      <c r="J119" s="162"/>
      <c r="K119" s="162"/>
      <c r="L119" s="162"/>
      <c r="M119" s="213"/>
      <c r="N119" s="213"/>
      <c r="O119" s="213"/>
      <c r="P119" s="213"/>
      <c r="Q119" s="213"/>
      <c r="R119" s="213"/>
      <c r="S119" s="213"/>
      <c r="T119" s="213"/>
      <c r="U119" s="213"/>
      <c r="V119" s="213"/>
      <c r="W119" s="213"/>
      <c r="X119" s="213"/>
      <c r="Y119" s="213"/>
      <c r="Z119" s="213"/>
      <c r="AA119" s="213"/>
      <c r="AB119" s="213"/>
      <c r="AC119" s="213"/>
      <c r="AD119" s="213"/>
      <c r="AE119" s="213"/>
      <c r="AF119" s="213"/>
      <c r="AG119" s="213"/>
      <c r="AH119" s="213"/>
      <c r="AI119" s="213"/>
      <c r="AJ119" s="213"/>
      <c r="AK119" s="213"/>
      <c r="AL119" s="213"/>
      <c r="AM119" s="213"/>
      <c r="AN119" s="213"/>
      <c r="AO119" s="213"/>
      <c r="AP119" s="213"/>
      <c r="AQ119" s="213"/>
      <c r="AR119" s="213"/>
      <c r="AS119" s="213"/>
      <c r="AT119" s="213"/>
      <c r="AU119" s="213"/>
      <c r="AV119" s="213"/>
      <c r="AW119" s="213"/>
      <c r="AX119" s="213"/>
      <c r="AY119" s="213"/>
      <c r="AZ119" s="213"/>
      <c r="BA119" s="213"/>
      <c r="BB119" s="213"/>
      <c r="BC119" s="126"/>
      <c r="BD119" s="126"/>
      <c r="BE119" s="126"/>
      <c r="BF119" s="126"/>
      <c r="BG119" s="94" t="s">
        <v>82</v>
      </c>
      <c r="BH119" s="162"/>
      <c r="BI119" s="162"/>
      <c r="BJ119" s="162"/>
      <c r="BN119" s="7"/>
    </row>
    <row r="120" spans="4:104" ht="5.0999999999999996" customHeight="1">
      <c r="D120" s="190"/>
      <c r="E120" s="162"/>
      <c r="F120" s="42"/>
      <c r="G120" s="162"/>
      <c r="H120" s="162"/>
      <c r="I120" s="162"/>
      <c r="J120" s="125"/>
      <c r="K120" s="125"/>
      <c r="L120" s="125"/>
      <c r="N120" s="125"/>
      <c r="O120" s="125"/>
      <c r="P120" s="125"/>
      <c r="Q120" s="125"/>
      <c r="R120" s="125"/>
      <c r="S120" s="125"/>
      <c r="T120" s="125"/>
      <c r="U120" s="125"/>
      <c r="V120" s="125"/>
      <c r="W120" s="125"/>
      <c r="X120" s="125"/>
      <c r="Y120" s="125"/>
      <c r="AB120" s="125"/>
      <c r="AC120" s="125"/>
      <c r="AD120" s="125"/>
      <c r="AE120" s="125"/>
      <c r="AG120" s="125"/>
      <c r="AH120" s="125"/>
      <c r="AI120" s="162"/>
      <c r="AK120" s="162"/>
      <c r="AL120" s="162"/>
      <c r="AM120" s="162"/>
      <c r="AN120" s="162"/>
      <c r="AO120" s="162"/>
      <c r="AP120" s="162"/>
      <c r="AQ120" s="162"/>
      <c r="AR120" s="162"/>
      <c r="AS120" s="162"/>
      <c r="AT120" s="162"/>
      <c r="AU120" s="162"/>
      <c r="AV120" s="162"/>
      <c r="AW120" s="162"/>
      <c r="AX120" s="162"/>
      <c r="AY120" s="162"/>
      <c r="AZ120" s="162"/>
      <c r="BA120" s="162"/>
      <c r="BB120" s="162"/>
      <c r="BC120" s="126"/>
      <c r="BD120" s="126"/>
      <c r="BE120" s="126"/>
      <c r="BF120" s="126"/>
      <c r="BG120" s="162"/>
      <c r="BH120" s="162"/>
      <c r="BI120" s="162"/>
      <c r="BJ120" s="162"/>
      <c r="BN120" s="7"/>
    </row>
    <row r="121" spans="4:104" ht="14.1" customHeight="1">
      <c r="D121" s="190"/>
      <c r="E121" s="162"/>
      <c r="F121" s="42"/>
      <c r="G121" s="162"/>
      <c r="H121" s="162"/>
      <c r="I121" s="162"/>
      <c r="J121" s="162"/>
      <c r="K121" s="162"/>
      <c r="L121" s="162"/>
      <c r="M121" s="213" t="s">
        <v>341</v>
      </c>
      <c r="N121" s="213"/>
      <c r="O121" s="213"/>
      <c r="P121" s="213"/>
      <c r="Q121" s="213"/>
      <c r="R121" s="213"/>
      <c r="S121" s="213"/>
      <c r="T121" s="213"/>
      <c r="U121" s="213"/>
      <c r="V121" s="213"/>
      <c r="W121" s="213"/>
      <c r="X121" s="213"/>
      <c r="Y121" s="213"/>
      <c r="Z121" s="213"/>
      <c r="AA121" s="213"/>
      <c r="AB121" s="213"/>
      <c r="AC121" s="213"/>
      <c r="AD121" s="213"/>
      <c r="AE121" s="213"/>
      <c r="AF121" s="213"/>
      <c r="AG121" s="213"/>
      <c r="AH121" s="213"/>
      <c r="AI121" s="213"/>
      <c r="AJ121" s="213"/>
      <c r="AK121" s="213"/>
      <c r="AL121" s="213"/>
      <c r="AM121" s="213"/>
      <c r="AN121" s="213"/>
      <c r="AO121" s="213"/>
      <c r="AP121" s="213"/>
      <c r="AQ121" s="213"/>
      <c r="AR121" s="213"/>
      <c r="AS121" s="213"/>
      <c r="AT121" s="213"/>
      <c r="AU121" s="213"/>
      <c r="AV121" s="213"/>
      <c r="AW121" s="213"/>
      <c r="AX121" s="213"/>
      <c r="AY121" s="213"/>
      <c r="AZ121" s="213"/>
      <c r="BA121" s="213"/>
      <c r="BB121" s="213"/>
      <c r="BC121" s="126"/>
      <c r="BD121" s="126"/>
      <c r="BE121" s="126"/>
      <c r="BF121" s="126"/>
      <c r="BG121" s="162"/>
      <c r="BH121" s="162"/>
      <c r="BI121" s="162"/>
      <c r="BJ121" s="162"/>
      <c r="BN121" s="7"/>
    </row>
    <row r="122" spans="4:104" ht="14.1" customHeight="1">
      <c r="D122" s="190"/>
      <c r="E122" s="162"/>
      <c r="F122" s="42"/>
      <c r="G122" s="162"/>
      <c r="H122" s="162"/>
      <c r="I122" s="162"/>
      <c r="J122" s="162"/>
      <c r="K122" s="162"/>
      <c r="L122" s="162"/>
      <c r="M122" s="213"/>
      <c r="N122" s="213"/>
      <c r="O122" s="213"/>
      <c r="P122" s="213"/>
      <c r="Q122" s="213"/>
      <c r="R122" s="213"/>
      <c r="S122" s="213"/>
      <c r="T122" s="213"/>
      <c r="U122" s="213"/>
      <c r="V122" s="213"/>
      <c r="W122" s="213"/>
      <c r="X122" s="213"/>
      <c r="Y122" s="213"/>
      <c r="Z122" s="213"/>
      <c r="AA122" s="213"/>
      <c r="AB122" s="213"/>
      <c r="AC122" s="213"/>
      <c r="AD122" s="213"/>
      <c r="AE122" s="213"/>
      <c r="AF122" s="213"/>
      <c r="AG122" s="213"/>
      <c r="AH122" s="213"/>
      <c r="AI122" s="213"/>
      <c r="AJ122" s="213"/>
      <c r="AK122" s="213"/>
      <c r="AL122" s="213"/>
      <c r="AM122" s="213"/>
      <c r="AN122" s="213"/>
      <c r="AO122" s="213"/>
      <c r="AP122" s="213"/>
      <c r="AQ122" s="213"/>
      <c r="AR122" s="213"/>
      <c r="AS122" s="213"/>
      <c r="AT122" s="213"/>
      <c r="AU122" s="213"/>
      <c r="AV122" s="213"/>
      <c r="AW122" s="213"/>
      <c r="AX122" s="213"/>
      <c r="AY122" s="213"/>
      <c r="AZ122" s="213"/>
      <c r="BA122" s="213"/>
      <c r="BB122" s="213"/>
      <c r="BC122" s="126"/>
      <c r="BD122" s="126"/>
      <c r="BE122" s="126"/>
      <c r="BF122" s="126"/>
      <c r="BG122" s="94" t="s">
        <v>342</v>
      </c>
      <c r="BH122" s="162"/>
      <c r="BI122" s="162"/>
      <c r="BJ122" s="162"/>
      <c r="BN122" s="7"/>
    </row>
    <row r="123" spans="4:104" ht="15" customHeight="1">
      <c r="D123" s="190"/>
      <c r="E123" s="162"/>
      <c r="F123" s="42"/>
      <c r="G123" s="162"/>
      <c r="H123" s="162"/>
      <c r="I123" s="162"/>
      <c r="J123" s="162"/>
      <c r="K123" s="162"/>
      <c r="L123" s="162"/>
      <c r="M123" s="138"/>
      <c r="N123" s="94" t="s">
        <v>343</v>
      </c>
      <c r="O123" s="138"/>
      <c r="P123" s="138"/>
      <c r="Q123" s="138"/>
      <c r="R123" s="138"/>
      <c r="S123" s="138"/>
      <c r="T123" s="138"/>
      <c r="U123" s="138"/>
      <c r="V123" s="138"/>
      <c r="W123" s="138"/>
      <c r="X123" s="138"/>
      <c r="Y123" s="138"/>
      <c r="Z123" s="138"/>
      <c r="AA123" s="138"/>
      <c r="AB123" s="138"/>
      <c r="AC123" s="138"/>
      <c r="AD123" s="138"/>
      <c r="AE123" s="138"/>
      <c r="AF123" s="138"/>
      <c r="AG123" s="138"/>
      <c r="AH123" s="138"/>
      <c r="AI123" s="138"/>
      <c r="AJ123" s="138"/>
      <c r="AK123" s="138"/>
      <c r="AL123" s="138"/>
      <c r="AM123" s="138"/>
      <c r="AN123" s="138"/>
      <c r="AO123" s="138"/>
      <c r="AP123" s="138"/>
      <c r="AQ123" s="138"/>
      <c r="AR123" s="138"/>
      <c r="AS123" s="138"/>
      <c r="AT123" s="138"/>
      <c r="AU123" s="138"/>
      <c r="AV123" s="138"/>
      <c r="AW123" s="138"/>
      <c r="AX123" s="138"/>
      <c r="AY123" s="138"/>
      <c r="AZ123" s="138"/>
      <c r="BA123" s="138"/>
      <c r="BB123" s="138"/>
      <c r="BC123" s="126"/>
      <c r="BD123" s="126"/>
      <c r="BE123" s="126"/>
      <c r="BF123" s="126"/>
      <c r="BG123" s="94" t="s">
        <v>344</v>
      </c>
      <c r="BH123" s="162"/>
      <c r="BI123" s="162"/>
      <c r="BJ123" s="162"/>
      <c r="BN123" s="7"/>
    </row>
    <row r="124" spans="4:104" ht="15" customHeight="1">
      <c r="D124" s="72"/>
      <c r="E124" s="159"/>
      <c r="F124" s="43"/>
      <c r="G124" s="159"/>
      <c r="H124" s="159"/>
      <c r="I124" s="159"/>
      <c r="J124" s="159"/>
      <c r="K124" s="159"/>
      <c r="L124" s="159"/>
      <c r="M124" s="159"/>
      <c r="N124" s="159"/>
      <c r="O124" s="159"/>
      <c r="P124" s="159"/>
      <c r="Q124" s="159"/>
      <c r="R124" s="159"/>
      <c r="S124" s="159"/>
      <c r="T124" s="159"/>
      <c r="U124" s="159"/>
      <c r="V124" s="159"/>
      <c r="W124" s="159"/>
      <c r="X124" s="159"/>
      <c r="Y124" s="159"/>
      <c r="Z124" s="159"/>
      <c r="AA124" s="159"/>
      <c r="AB124" s="159"/>
      <c r="AC124" s="159"/>
      <c r="AD124" s="159"/>
      <c r="AE124" s="159"/>
      <c r="AF124" s="159"/>
      <c r="AG124" s="159"/>
      <c r="AH124" s="159"/>
      <c r="AI124" s="159"/>
      <c r="AJ124" s="100"/>
      <c r="AK124" s="159"/>
      <c r="AL124" s="159"/>
      <c r="AM124" s="159"/>
      <c r="AN124" s="159"/>
      <c r="AO124" s="159"/>
      <c r="AP124" s="159"/>
      <c r="AQ124" s="159"/>
      <c r="AR124" s="159"/>
      <c r="AS124" s="159"/>
      <c r="AT124" s="159"/>
      <c r="AU124" s="159"/>
      <c r="AV124" s="159"/>
      <c r="AW124" s="159"/>
      <c r="AX124" s="159"/>
      <c r="AY124" s="159"/>
      <c r="AZ124" s="159"/>
      <c r="BA124" s="159"/>
      <c r="BB124" s="159"/>
      <c r="BC124" s="131"/>
      <c r="BD124" s="131"/>
      <c r="BE124" s="131"/>
      <c r="BF124" s="131"/>
      <c r="BG124" s="159"/>
      <c r="BH124" s="159"/>
      <c r="BI124" s="159"/>
      <c r="BJ124" s="159"/>
      <c r="BK124" s="100"/>
      <c r="BL124" s="100"/>
      <c r="BM124" s="100"/>
      <c r="BN124" s="9"/>
      <c r="BV124" s="125"/>
      <c r="BW124" s="125"/>
      <c r="BX124" s="125"/>
      <c r="BY124" s="125"/>
      <c r="BZ124" s="125"/>
      <c r="CA124" s="125"/>
      <c r="CB124" s="125"/>
      <c r="CC124" s="125"/>
      <c r="CD124" s="125"/>
      <c r="CE124" s="125"/>
      <c r="CF124" s="125"/>
      <c r="CG124" s="125"/>
      <c r="CH124" s="125"/>
      <c r="CI124" s="125"/>
      <c r="CJ124" s="125"/>
      <c r="CK124" s="125"/>
      <c r="CL124" s="125"/>
      <c r="CM124" s="125"/>
      <c r="CN124" s="125"/>
      <c r="CO124" s="125"/>
      <c r="CP124" s="125"/>
      <c r="CQ124" s="125"/>
      <c r="CR124" s="125"/>
      <c r="CS124" s="125"/>
      <c r="CT124" s="125"/>
      <c r="CU124" s="125"/>
      <c r="CV124" s="125"/>
      <c r="CW124" s="125"/>
      <c r="CX124" s="125"/>
      <c r="CY124" s="125"/>
      <c r="CZ124" s="125"/>
    </row>
    <row r="125" spans="4:104" ht="15" customHeight="1">
      <c r="D125" s="143" t="s">
        <v>345</v>
      </c>
      <c r="E125" s="153"/>
      <c r="F125" s="455" t="s">
        <v>346</v>
      </c>
      <c r="G125" s="455"/>
      <c r="H125" s="455"/>
      <c r="I125" s="455"/>
      <c r="J125" s="455"/>
      <c r="K125" s="455"/>
      <c r="L125" s="455"/>
      <c r="M125" s="455"/>
      <c r="N125" s="455"/>
      <c r="O125" s="455"/>
      <c r="P125" s="455"/>
      <c r="Q125" s="455"/>
      <c r="R125" s="455"/>
      <c r="S125" s="455"/>
      <c r="T125" s="455"/>
      <c r="U125" s="455"/>
      <c r="V125" s="455"/>
      <c r="W125" s="455"/>
      <c r="X125" s="455"/>
      <c r="Y125" s="455"/>
      <c r="Z125" s="455"/>
      <c r="AA125" s="455"/>
      <c r="AB125" s="455"/>
      <c r="AC125" s="455"/>
      <c r="AD125" s="455"/>
      <c r="AE125" s="455"/>
      <c r="AF125" s="455"/>
      <c r="AG125" s="455"/>
      <c r="AH125" s="455"/>
      <c r="AI125" s="455"/>
      <c r="AJ125" s="455"/>
      <c r="AK125" s="455"/>
      <c r="AL125" s="455"/>
      <c r="AM125" s="455"/>
      <c r="AN125" s="455"/>
      <c r="AO125" s="455"/>
      <c r="AP125" s="455"/>
      <c r="AQ125" s="455"/>
      <c r="AR125" s="455"/>
      <c r="AS125" s="455"/>
      <c r="AT125" s="455"/>
      <c r="AU125" s="455"/>
      <c r="AV125" s="455"/>
      <c r="AW125" s="455"/>
      <c r="AX125" s="455"/>
      <c r="AY125" s="455"/>
      <c r="AZ125" s="455"/>
      <c r="BA125" s="455"/>
      <c r="BB125" s="455"/>
      <c r="BC125" s="455"/>
      <c r="BD125" s="455"/>
      <c r="BE125" s="455"/>
      <c r="BF125" s="455"/>
      <c r="BG125" s="455"/>
      <c r="BH125" s="455"/>
      <c r="BI125" s="455"/>
      <c r="BJ125" s="455"/>
      <c r="BK125" s="455"/>
      <c r="BL125" s="455"/>
      <c r="BM125" s="455"/>
      <c r="BN125" s="455"/>
      <c r="BV125" s="125"/>
      <c r="BW125" s="125"/>
      <c r="BX125" s="125"/>
      <c r="BY125" s="125"/>
      <c r="BZ125" s="125"/>
      <c r="CA125" s="125"/>
      <c r="CB125" s="125"/>
      <c r="CC125" s="125"/>
      <c r="CD125" s="125"/>
      <c r="CE125" s="125"/>
      <c r="CF125" s="125"/>
      <c r="CG125" s="125"/>
      <c r="CH125" s="125"/>
      <c r="CI125" s="125"/>
      <c r="CJ125" s="125"/>
      <c r="CK125" s="125"/>
      <c r="CL125" s="125"/>
      <c r="CM125" s="125"/>
      <c r="CN125" s="125"/>
      <c r="CO125" s="125"/>
      <c r="CP125" s="125"/>
      <c r="CQ125" s="125"/>
      <c r="CR125" s="125"/>
      <c r="CS125" s="125"/>
      <c r="CT125" s="125"/>
      <c r="CU125" s="125"/>
      <c r="CV125" s="125"/>
      <c r="CW125" s="125"/>
      <c r="CX125" s="125"/>
      <c r="CY125" s="125"/>
      <c r="CZ125" s="125"/>
    </row>
    <row r="126" spans="4:104" ht="15" customHeight="1">
      <c r="D126" s="197"/>
      <c r="E126" s="140"/>
      <c r="F126" s="456"/>
      <c r="G126" s="456"/>
      <c r="H126" s="456"/>
      <c r="I126" s="456"/>
      <c r="J126" s="456"/>
      <c r="K126" s="456"/>
      <c r="L126" s="456"/>
      <c r="M126" s="456"/>
      <c r="N126" s="456"/>
      <c r="O126" s="456"/>
      <c r="P126" s="456"/>
      <c r="Q126" s="456"/>
      <c r="R126" s="456"/>
      <c r="S126" s="456"/>
      <c r="T126" s="456"/>
      <c r="U126" s="456"/>
      <c r="V126" s="456"/>
      <c r="W126" s="456"/>
      <c r="X126" s="456"/>
      <c r="Y126" s="456"/>
      <c r="Z126" s="456"/>
      <c r="AA126" s="456"/>
      <c r="AB126" s="456"/>
      <c r="AC126" s="456"/>
      <c r="AD126" s="456"/>
      <c r="AE126" s="456"/>
      <c r="AF126" s="456"/>
      <c r="AG126" s="456"/>
      <c r="AH126" s="456"/>
      <c r="AI126" s="456"/>
      <c r="AJ126" s="456"/>
      <c r="AK126" s="456"/>
      <c r="AL126" s="456"/>
      <c r="AM126" s="456"/>
      <c r="AN126" s="456"/>
      <c r="AO126" s="456"/>
      <c r="AP126" s="456"/>
      <c r="AQ126" s="456"/>
      <c r="AR126" s="456"/>
      <c r="AS126" s="456"/>
      <c r="AT126" s="456"/>
      <c r="AU126" s="456"/>
      <c r="AV126" s="456"/>
      <c r="AW126" s="456"/>
      <c r="AX126" s="456"/>
      <c r="AY126" s="456"/>
      <c r="AZ126" s="456"/>
      <c r="BA126" s="456"/>
      <c r="BB126" s="456"/>
      <c r="BC126" s="456"/>
      <c r="BD126" s="456"/>
      <c r="BE126" s="456"/>
      <c r="BF126" s="456"/>
      <c r="BG126" s="456"/>
      <c r="BH126" s="456"/>
      <c r="BI126" s="456"/>
      <c r="BJ126" s="456"/>
      <c r="BK126" s="456"/>
      <c r="BL126" s="456"/>
      <c r="BM126" s="456"/>
      <c r="BN126" s="456"/>
      <c r="BV126" s="125"/>
      <c r="BW126" s="125"/>
      <c r="BX126" s="125"/>
      <c r="BY126" s="125"/>
      <c r="BZ126" s="125"/>
      <c r="CA126" s="125"/>
      <c r="CB126" s="125"/>
      <c r="CC126" s="125"/>
      <c r="CD126" s="125"/>
      <c r="CE126" s="125"/>
      <c r="CF126" s="125"/>
      <c r="CG126" s="125"/>
      <c r="CH126" s="125"/>
      <c r="CI126" s="125"/>
      <c r="CJ126" s="125"/>
      <c r="CK126" s="125"/>
      <c r="CL126" s="125"/>
      <c r="CM126" s="125"/>
      <c r="CN126" s="125"/>
      <c r="CO126" s="125"/>
      <c r="CP126" s="125"/>
      <c r="CQ126" s="125"/>
      <c r="CR126" s="125"/>
      <c r="CS126" s="125"/>
      <c r="CT126" s="125"/>
      <c r="CU126" s="125"/>
      <c r="CV126" s="125"/>
      <c r="CW126" s="125"/>
      <c r="CX126" s="125"/>
      <c r="CY126" s="125"/>
      <c r="CZ126" s="125"/>
    </row>
    <row r="127" spans="4:104" ht="16.5" customHeight="1">
      <c r="D127" s="53"/>
      <c r="E127" s="79"/>
      <c r="F127" s="53"/>
      <c r="G127" s="69"/>
      <c r="H127" s="69"/>
      <c r="I127" s="69"/>
      <c r="J127" s="69"/>
      <c r="K127" s="69"/>
      <c r="L127" s="69"/>
      <c r="M127" s="69"/>
      <c r="N127" s="69"/>
      <c r="O127" s="69"/>
      <c r="P127" s="69"/>
      <c r="Q127" s="69"/>
      <c r="R127" s="69"/>
      <c r="S127" s="69"/>
      <c r="T127" s="69"/>
      <c r="U127" s="69"/>
      <c r="V127" s="69"/>
      <c r="W127" s="69"/>
      <c r="X127" s="69"/>
      <c r="Y127" s="69"/>
      <c r="Z127" s="69"/>
      <c r="AA127" s="69"/>
      <c r="AB127" s="69"/>
      <c r="AC127" s="69"/>
      <c r="AD127" s="69"/>
      <c r="AE127" s="69"/>
      <c r="AF127" s="69"/>
      <c r="AG127" s="69"/>
      <c r="AH127" s="69"/>
      <c r="AI127" s="69"/>
      <c r="AJ127" s="69"/>
      <c r="AK127" s="69"/>
      <c r="AL127" s="69"/>
      <c r="AM127" s="69"/>
      <c r="AN127" s="69"/>
      <c r="AO127" s="69"/>
      <c r="AP127" s="69"/>
      <c r="AQ127" s="69"/>
      <c r="AR127" s="69"/>
      <c r="AS127" s="69"/>
      <c r="AT127" s="69"/>
      <c r="AU127" s="69"/>
      <c r="AV127" s="69"/>
      <c r="AW127" s="69"/>
      <c r="AX127" s="69"/>
      <c r="AY127" s="69"/>
      <c r="AZ127" s="69"/>
      <c r="BA127" s="69"/>
      <c r="BB127" s="69"/>
      <c r="BC127" s="69"/>
      <c r="BD127" s="69"/>
      <c r="BE127" s="69"/>
      <c r="BF127" s="69"/>
      <c r="BG127" s="69"/>
      <c r="BH127" s="69"/>
      <c r="BI127" s="69"/>
      <c r="BJ127" s="69"/>
      <c r="BK127" s="53"/>
      <c r="BL127" s="53"/>
      <c r="BM127" s="53"/>
      <c r="BN127" s="53"/>
    </row>
    <row r="128" spans="4:104" ht="10.5" customHeight="1">
      <c r="AF128" s="135"/>
      <c r="AG128" s="135"/>
      <c r="AN128" s="135"/>
      <c r="AO128" s="135"/>
      <c r="AT128" s="135"/>
      <c r="AU128" s="135"/>
      <c r="AV128" s="135"/>
      <c r="AW128" s="135"/>
      <c r="AX128" s="135"/>
      <c r="AY128" s="135"/>
      <c r="BB128" s="135"/>
      <c r="BC128" s="135"/>
      <c r="BI128" s="135"/>
      <c r="BJ128" s="135"/>
      <c r="BO128" s="135"/>
      <c r="BP128" s="135"/>
    </row>
    <row r="129" spans="4:116" ht="30" customHeight="1">
      <c r="D129" s="290" t="s">
        <v>259</v>
      </c>
      <c r="E129" s="291"/>
      <c r="F129" s="291"/>
      <c r="G129" s="292"/>
      <c r="H129" s="331" t="s">
        <v>71</v>
      </c>
      <c r="I129" s="271"/>
      <c r="J129" s="271"/>
      <c r="K129" s="271"/>
      <c r="L129" s="271"/>
      <c r="M129" s="271"/>
      <c r="N129" s="272"/>
      <c r="O129" s="276" t="s">
        <v>73</v>
      </c>
      <c r="P129" s="273"/>
      <c r="Q129" s="273"/>
      <c r="R129" s="273"/>
      <c r="S129" s="273"/>
      <c r="T129" s="273"/>
      <c r="U129" s="273"/>
      <c r="V129" s="277"/>
      <c r="W129" s="327" t="s">
        <v>76</v>
      </c>
      <c r="X129" s="328"/>
      <c r="Y129" s="328"/>
      <c r="Z129" s="328"/>
      <c r="AA129" s="328"/>
      <c r="AB129" s="328"/>
      <c r="AC129" s="328"/>
      <c r="AD129" s="328"/>
      <c r="AE129" s="328"/>
      <c r="AF129" s="328"/>
      <c r="AG129" s="328"/>
      <c r="AH129" s="328"/>
      <c r="AI129" s="328"/>
      <c r="AJ129" s="328"/>
      <c r="AK129" s="328"/>
      <c r="AL129" s="328"/>
      <c r="AM129" s="328"/>
      <c r="AN129" s="328"/>
      <c r="AO129" s="328"/>
      <c r="AP129" s="328"/>
      <c r="AQ129" s="328"/>
      <c r="AR129" s="328"/>
      <c r="AS129" s="328"/>
      <c r="AT129" s="328"/>
      <c r="AU129" s="328"/>
      <c r="AV129" s="328"/>
      <c r="AW129" s="328"/>
      <c r="AX129" s="328"/>
      <c r="AY129" s="328"/>
      <c r="AZ129" s="328"/>
      <c r="BA129" s="328"/>
      <c r="BB129" s="328"/>
      <c r="BC129" s="328"/>
      <c r="BD129" s="328"/>
      <c r="BE129" s="328"/>
      <c r="BF129" s="328"/>
      <c r="BG129" s="328"/>
      <c r="BH129" s="328"/>
      <c r="BI129" s="328"/>
      <c r="BJ129" s="328"/>
      <c r="BK129" s="328"/>
      <c r="BL129" s="328"/>
      <c r="BM129" s="328"/>
      <c r="BN129" s="329"/>
      <c r="DC129" s="139"/>
      <c r="DD129" s="139"/>
      <c r="DE129" s="139"/>
      <c r="DF129" s="139"/>
      <c r="DG129" s="139"/>
      <c r="DH129" s="139"/>
      <c r="DI129" s="139"/>
      <c r="DJ129" s="139"/>
      <c r="DK129" s="139"/>
      <c r="DL129" s="139"/>
    </row>
    <row r="130" spans="4:116" ht="38.25" customHeight="1">
      <c r="D130" s="293"/>
      <c r="E130" s="294"/>
      <c r="F130" s="294"/>
      <c r="G130" s="295"/>
      <c r="H130" s="332" t="s">
        <v>72</v>
      </c>
      <c r="I130" s="333"/>
      <c r="J130" s="333"/>
      <c r="K130" s="333"/>
      <c r="L130" s="333"/>
      <c r="M130" s="333"/>
      <c r="N130" s="334"/>
      <c r="O130" s="335" t="s">
        <v>74</v>
      </c>
      <c r="P130" s="280"/>
      <c r="Q130" s="280"/>
      <c r="R130" s="280"/>
      <c r="S130" s="280"/>
      <c r="T130" s="280"/>
      <c r="U130" s="280"/>
      <c r="V130" s="336"/>
      <c r="W130" s="327"/>
      <c r="X130" s="328"/>
      <c r="Y130" s="328"/>
      <c r="Z130" s="328"/>
      <c r="AA130" s="328"/>
      <c r="AB130" s="328"/>
      <c r="AC130" s="328"/>
      <c r="AD130" s="328"/>
      <c r="AE130" s="328"/>
      <c r="AF130" s="328"/>
      <c r="AG130" s="328"/>
      <c r="AH130" s="328"/>
      <c r="AI130" s="328"/>
      <c r="AJ130" s="328"/>
      <c r="AK130" s="328"/>
      <c r="AL130" s="328"/>
      <c r="AM130" s="328"/>
      <c r="AN130" s="328"/>
      <c r="AO130" s="328"/>
      <c r="AP130" s="328"/>
      <c r="AQ130" s="328"/>
      <c r="AR130" s="328"/>
      <c r="AS130" s="328"/>
      <c r="AT130" s="328"/>
      <c r="AU130" s="328"/>
      <c r="AV130" s="328"/>
      <c r="AW130" s="328"/>
      <c r="AX130" s="328"/>
      <c r="AY130" s="328"/>
      <c r="AZ130" s="328"/>
      <c r="BA130" s="328"/>
      <c r="BB130" s="328"/>
      <c r="BC130" s="328"/>
      <c r="BD130" s="328"/>
      <c r="BE130" s="328"/>
      <c r="BF130" s="328"/>
      <c r="BG130" s="328"/>
      <c r="BH130" s="328"/>
      <c r="BI130" s="328"/>
      <c r="BJ130" s="328"/>
      <c r="BK130" s="328"/>
      <c r="BL130" s="328"/>
      <c r="BM130" s="328"/>
      <c r="BN130" s="329"/>
      <c r="BO130" s="139"/>
      <c r="BP130" s="139"/>
      <c r="BQ130" s="139"/>
      <c r="BR130" s="139"/>
      <c r="BS130" s="139"/>
      <c r="BT130" s="139"/>
      <c r="BU130" s="139"/>
      <c r="BV130" s="139"/>
      <c r="BW130" s="139"/>
    </row>
    <row r="131" spans="4:116" ht="30" customHeight="1">
      <c r="D131" s="296"/>
      <c r="E131" s="297"/>
      <c r="F131" s="297"/>
      <c r="G131" s="298"/>
      <c r="H131" s="330" t="s">
        <v>70</v>
      </c>
      <c r="I131" s="247"/>
      <c r="J131" s="247"/>
      <c r="K131" s="247"/>
      <c r="L131" s="247"/>
      <c r="M131" s="247"/>
      <c r="N131" s="279"/>
      <c r="O131" s="276" t="s">
        <v>75</v>
      </c>
      <c r="P131" s="273"/>
      <c r="Q131" s="273"/>
      <c r="R131" s="273"/>
      <c r="S131" s="273"/>
      <c r="T131" s="273"/>
      <c r="U131" s="273"/>
      <c r="V131" s="277"/>
      <c r="W131" s="327"/>
      <c r="X131" s="328"/>
      <c r="Y131" s="328"/>
      <c r="Z131" s="328"/>
      <c r="AA131" s="328"/>
      <c r="AB131" s="328"/>
      <c r="AC131" s="328"/>
      <c r="AD131" s="328"/>
      <c r="AE131" s="328"/>
      <c r="AF131" s="328"/>
      <c r="AG131" s="328"/>
      <c r="AH131" s="328"/>
      <c r="AI131" s="328"/>
      <c r="AJ131" s="328"/>
      <c r="AK131" s="328"/>
      <c r="AL131" s="328"/>
      <c r="AM131" s="328"/>
      <c r="AN131" s="328"/>
      <c r="AO131" s="328"/>
      <c r="AP131" s="328"/>
      <c r="AQ131" s="328"/>
      <c r="AR131" s="328"/>
      <c r="AS131" s="328"/>
      <c r="AT131" s="328"/>
      <c r="AU131" s="328"/>
      <c r="AV131" s="328"/>
      <c r="AW131" s="328"/>
      <c r="AX131" s="328"/>
      <c r="AY131" s="328"/>
      <c r="AZ131" s="328"/>
      <c r="BA131" s="328"/>
      <c r="BB131" s="328"/>
      <c r="BC131" s="328"/>
      <c r="BD131" s="328"/>
      <c r="BE131" s="328"/>
      <c r="BF131" s="328"/>
      <c r="BG131" s="328"/>
      <c r="BH131" s="328"/>
      <c r="BI131" s="328"/>
      <c r="BJ131" s="328"/>
      <c r="BK131" s="328"/>
      <c r="BL131" s="328"/>
      <c r="BM131" s="328"/>
      <c r="BN131" s="329"/>
      <c r="BO131" s="139"/>
      <c r="BR131" s="139"/>
      <c r="BS131" s="139"/>
      <c r="BT131" s="139"/>
      <c r="BU131" s="139"/>
    </row>
    <row r="132" spans="4:116" ht="25.5" customHeight="1">
      <c r="D132" s="2"/>
      <c r="E132" s="271" t="s">
        <v>260</v>
      </c>
      <c r="F132" s="271"/>
      <c r="G132" s="99"/>
      <c r="H132" s="283" t="s">
        <v>201</v>
      </c>
      <c r="I132" s="283"/>
      <c r="J132" s="283"/>
      <c r="K132" s="283"/>
      <c r="L132" s="283"/>
      <c r="M132" s="283"/>
      <c r="N132" s="284"/>
      <c r="O132" s="276" t="s">
        <v>79</v>
      </c>
      <c r="P132" s="273"/>
      <c r="Q132" s="273"/>
      <c r="R132" s="273"/>
      <c r="S132" s="273"/>
      <c r="T132" s="273"/>
      <c r="U132" s="273"/>
      <c r="V132" s="277"/>
      <c r="W132" s="327"/>
      <c r="X132" s="328"/>
      <c r="Y132" s="328"/>
      <c r="Z132" s="328"/>
      <c r="AA132" s="328"/>
      <c r="AB132" s="328"/>
      <c r="AC132" s="328"/>
      <c r="AD132" s="328"/>
      <c r="AE132" s="328"/>
      <c r="AF132" s="328"/>
      <c r="AG132" s="328"/>
      <c r="AH132" s="328"/>
      <c r="AI132" s="328"/>
      <c r="AJ132" s="328"/>
      <c r="AK132" s="328"/>
      <c r="AL132" s="328"/>
      <c r="AM132" s="328"/>
      <c r="AN132" s="328"/>
      <c r="AO132" s="328"/>
      <c r="AP132" s="328"/>
      <c r="AQ132" s="328"/>
      <c r="AR132" s="328"/>
      <c r="AS132" s="328"/>
      <c r="AT132" s="328"/>
      <c r="AU132" s="328"/>
      <c r="AV132" s="328"/>
      <c r="AW132" s="328"/>
      <c r="AX132" s="328"/>
      <c r="AY132" s="328"/>
      <c r="AZ132" s="328"/>
      <c r="BA132" s="328"/>
      <c r="BB132" s="328"/>
      <c r="BC132" s="328"/>
      <c r="BD132" s="328"/>
      <c r="BE132" s="328"/>
      <c r="BF132" s="328"/>
      <c r="BG132" s="328"/>
      <c r="BH132" s="328"/>
      <c r="BI132" s="328"/>
      <c r="BJ132" s="328"/>
      <c r="BK132" s="328"/>
      <c r="BL132" s="328"/>
      <c r="BM132" s="328"/>
      <c r="BN132" s="329"/>
      <c r="BO132" s="139"/>
      <c r="BR132" s="139"/>
      <c r="BS132" s="139"/>
      <c r="BT132" s="139"/>
      <c r="BU132" s="139"/>
    </row>
    <row r="133" spans="4:116" ht="25.5" customHeight="1">
      <c r="D133" s="6"/>
      <c r="E133" s="209"/>
      <c r="F133" s="209"/>
      <c r="H133" s="210"/>
      <c r="I133" s="210"/>
      <c r="J133" s="210"/>
      <c r="K133" s="210"/>
      <c r="L133" s="210"/>
      <c r="M133" s="210"/>
      <c r="N133" s="285"/>
      <c r="O133" s="330" t="s">
        <v>80</v>
      </c>
      <c r="P133" s="247"/>
      <c r="Q133" s="247"/>
      <c r="R133" s="247"/>
      <c r="S133" s="247"/>
      <c r="T133" s="247"/>
      <c r="U133" s="247"/>
      <c r="V133" s="279"/>
      <c r="W133" s="327"/>
      <c r="X133" s="328"/>
      <c r="Y133" s="328"/>
      <c r="Z133" s="328"/>
      <c r="AA133" s="328"/>
      <c r="AB133" s="328"/>
      <c r="AC133" s="328"/>
      <c r="AD133" s="328"/>
      <c r="AE133" s="328"/>
      <c r="AF133" s="328"/>
      <c r="AG133" s="328"/>
      <c r="AH133" s="328"/>
      <c r="AI133" s="328"/>
      <c r="AJ133" s="328"/>
      <c r="AK133" s="328"/>
      <c r="AL133" s="328"/>
      <c r="AM133" s="328"/>
      <c r="AN133" s="328"/>
      <c r="AO133" s="328"/>
      <c r="AP133" s="328"/>
      <c r="AQ133" s="328"/>
      <c r="AR133" s="328"/>
      <c r="AS133" s="328"/>
      <c r="AT133" s="328"/>
      <c r="AU133" s="328"/>
      <c r="AV133" s="328"/>
      <c r="AW133" s="328"/>
      <c r="AX133" s="328"/>
      <c r="AY133" s="328"/>
      <c r="AZ133" s="328"/>
      <c r="BA133" s="328"/>
      <c r="BB133" s="328"/>
      <c r="BC133" s="328"/>
      <c r="BD133" s="328"/>
      <c r="BE133" s="328"/>
      <c r="BF133" s="328"/>
      <c r="BG133" s="328"/>
      <c r="BH133" s="328"/>
      <c r="BI133" s="328"/>
      <c r="BJ133" s="328"/>
      <c r="BK133" s="328"/>
      <c r="BL133" s="328"/>
      <c r="BM133" s="328"/>
      <c r="BN133" s="329"/>
    </row>
    <row r="134" spans="4:116" ht="25.5" customHeight="1">
      <c r="D134" s="6"/>
      <c r="N134" s="7"/>
      <c r="O134" s="330" t="s">
        <v>78</v>
      </c>
      <c r="P134" s="247"/>
      <c r="Q134" s="247"/>
      <c r="R134" s="247"/>
      <c r="S134" s="247"/>
      <c r="T134" s="247"/>
      <c r="U134" s="247"/>
      <c r="V134" s="279"/>
      <c r="W134" s="327"/>
      <c r="X134" s="328"/>
      <c r="Y134" s="328"/>
      <c r="Z134" s="328"/>
      <c r="AA134" s="328"/>
      <c r="AB134" s="328"/>
      <c r="AC134" s="328"/>
      <c r="AD134" s="328"/>
      <c r="AE134" s="328"/>
      <c r="AF134" s="328"/>
      <c r="AG134" s="328"/>
      <c r="AH134" s="328"/>
      <c r="AI134" s="328"/>
      <c r="AJ134" s="328"/>
      <c r="AK134" s="328"/>
      <c r="AL134" s="328"/>
      <c r="AM134" s="328"/>
      <c r="AN134" s="328"/>
      <c r="AO134" s="328"/>
      <c r="AP134" s="328"/>
      <c r="AQ134" s="328"/>
      <c r="AR134" s="328"/>
      <c r="AS134" s="328"/>
      <c r="AT134" s="328"/>
      <c r="AU134" s="328"/>
      <c r="AV134" s="328"/>
      <c r="AW134" s="328"/>
      <c r="AX134" s="328"/>
      <c r="AY134" s="328"/>
      <c r="AZ134" s="328"/>
      <c r="BA134" s="328"/>
      <c r="BB134" s="328"/>
      <c r="BC134" s="328"/>
      <c r="BD134" s="328"/>
      <c r="BE134" s="328"/>
      <c r="BF134" s="328"/>
      <c r="BG134" s="328"/>
      <c r="BH134" s="328"/>
      <c r="BI134" s="328"/>
      <c r="BJ134" s="328"/>
      <c r="BK134" s="328"/>
      <c r="BL134" s="328"/>
      <c r="BM134" s="328"/>
      <c r="BN134" s="329"/>
      <c r="BO134" s="139"/>
      <c r="BR134" s="139"/>
      <c r="BS134" s="139"/>
      <c r="BT134" s="139"/>
      <c r="BU134" s="139"/>
    </row>
    <row r="135" spans="4:116" ht="25.5" customHeight="1">
      <c r="D135" s="8"/>
      <c r="E135" s="100"/>
      <c r="F135" s="100"/>
      <c r="G135" s="100"/>
      <c r="H135" s="100"/>
      <c r="I135" s="100"/>
      <c r="J135" s="100"/>
      <c r="K135" s="100"/>
      <c r="L135" s="100"/>
      <c r="M135" s="100"/>
      <c r="N135" s="9"/>
      <c r="O135" s="330" t="s">
        <v>77</v>
      </c>
      <c r="P135" s="247"/>
      <c r="Q135" s="247"/>
      <c r="R135" s="247"/>
      <c r="S135" s="247"/>
      <c r="T135" s="247"/>
      <c r="U135" s="247"/>
      <c r="V135" s="279"/>
      <c r="W135" s="327"/>
      <c r="X135" s="328"/>
      <c r="Y135" s="328"/>
      <c r="Z135" s="328"/>
      <c r="AA135" s="328"/>
      <c r="AB135" s="328"/>
      <c r="AC135" s="328"/>
      <c r="AD135" s="328"/>
      <c r="AE135" s="328"/>
      <c r="AF135" s="328"/>
      <c r="AG135" s="328"/>
      <c r="AH135" s="328"/>
      <c r="AI135" s="328"/>
      <c r="AJ135" s="328"/>
      <c r="AK135" s="328"/>
      <c r="AL135" s="328"/>
      <c r="AM135" s="328"/>
      <c r="AN135" s="328"/>
      <c r="AO135" s="328"/>
      <c r="AP135" s="328"/>
      <c r="AQ135" s="328"/>
      <c r="AR135" s="328"/>
      <c r="AS135" s="328"/>
      <c r="AT135" s="328"/>
      <c r="AU135" s="328"/>
      <c r="AV135" s="328"/>
      <c r="AW135" s="328"/>
      <c r="AX135" s="328"/>
      <c r="AY135" s="328"/>
      <c r="AZ135" s="328"/>
      <c r="BA135" s="328"/>
      <c r="BB135" s="328"/>
      <c r="BC135" s="328"/>
      <c r="BD135" s="328"/>
      <c r="BE135" s="328"/>
      <c r="BF135" s="328"/>
      <c r="BG135" s="328"/>
      <c r="BH135" s="328"/>
      <c r="BI135" s="328"/>
      <c r="BJ135" s="328"/>
      <c r="BK135" s="328"/>
      <c r="BL135" s="328"/>
      <c r="BM135" s="328"/>
      <c r="BN135" s="329"/>
    </row>
    <row r="136" spans="4:116" ht="28.5" customHeight="1">
      <c r="D136" s="194"/>
      <c r="E136" s="273" t="s">
        <v>261</v>
      </c>
      <c r="F136" s="273"/>
      <c r="G136" s="35" t="s">
        <v>192</v>
      </c>
      <c r="H136" s="35"/>
      <c r="I136" s="35"/>
      <c r="J136" s="35"/>
      <c r="K136" s="35"/>
      <c r="L136" s="35"/>
      <c r="M136" s="35"/>
      <c r="N136" s="35"/>
      <c r="O136" s="35"/>
      <c r="P136" s="35"/>
      <c r="Q136" s="35"/>
      <c r="R136" s="35"/>
      <c r="S136" s="36"/>
      <c r="T136" s="35" t="s">
        <v>113</v>
      </c>
      <c r="U136" s="35"/>
      <c r="V136" s="35"/>
      <c r="W136" s="35"/>
      <c r="X136" s="35"/>
      <c r="Y136" s="35"/>
      <c r="Z136" s="35"/>
      <c r="AA136" s="35"/>
      <c r="AB136" s="35"/>
      <c r="AC136" s="35"/>
      <c r="AD136" s="35"/>
      <c r="AE136" s="35"/>
      <c r="AF136" s="35"/>
      <c r="AG136" s="35"/>
      <c r="AH136" s="35"/>
      <c r="AI136" s="35"/>
      <c r="AJ136" s="35"/>
      <c r="AK136" s="35"/>
      <c r="AL136" s="35"/>
      <c r="AM136" s="35"/>
      <c r="AN136" s="35"/>
      <c r="AO136" s="35"/>
      <c r="AP136" s="35"/>
      <c r="AQ136" s="35"/>
      <c r="AR136" s="35"/>
      <c r="AS136" s="35"/>
      <c r="AT136" s="35"/>
      <c r="AU136" s="35"/>
      <c r="AV136" s="35"/>
      <c r="AW136" s="35"/>
      <c r="AX136" s="35"/>
      <c r="AY136" s="35"/>
      <c r="AZ136" s="35"/>
      <c r="BA136" s="35"/>
      <c r="BB136" s="35"/>
      <c r="BC136" s="35"/>
      <c r="BD136" s="35"/>
      <c r="BE136" s="35"/>
      <c r="BF136" s="35"/>
      <c r="BG136" s="35"/>
      <c r="BH136" s="35"/>
      <c r="BI136" s="35"/>
      <c r="BJ136" s="35"/>
      <c r="BK136" s="35"/>
      <c r="BL136" s="281" t="s">
        <v>111</v>
      </c>
      <c r="BM136" s="273"/>
      <c r="BN136" s="277"/>
    </row>
    <row r="137" spans="4:116" ht="20.100000000000001" customHeight="1">
      <c r="D137" s="65"/>
      <c r="E137" s="282" t="s">
        <v>262</v>
      </c>
      <c r="F137" s="282"/>
      <c r="G137" s="283" t="s">
        <v>193</v>
      </c>
      <c r="H137" s="283"/>
      <c r="I137" s="283"/>
      <c r="J137" s="283"/>
      <c r="K137" s="283"/>
      <c r="L137" s="283"/>
      <c r="M137" s="283"/>
      <c r="N137" s="283"/>
      <c r="O137" s="283"/>
      <c r="P137" s="283"/>
      <c r="Q137" s="283"/>
      <c r="R137" s="283"/>
      <c r="S137" s="284"/>
      <c r="T137" s="2" t="s">
        <v>109</v>
      </c>
      <c r="U137" s="99"/>
      <c r="V137" s="99"/>
      <c r="W137" s="99"/>
      <c r="X137" s="99"/>
      <c r="Y137" s="99"/>
      <c r="Z137" s="99"/>
      <c r="AA137" s="99"/>
      <c r="AB137" s="99"/>
      <c r="AC137" s="99"/>
      <c r="AD137" s="99"/>
      <c r="AE137" s="271"/>
      <c r="AF137" s="271"/>
      <c r="AG137" s="99" t="s">
        <v>3</v>
      </c>
      <c r="AH137" s="99"/>
      <c r="AI137" s="271"/>
      <c r="AJ137" s="271"/>
      <c r="AK137" s="99" t="s">
        <v>4</v>
      </c>
      <c r="AL137" s="99"/>
      <c r="AM137" s="271"/>
      <c r="AN137" s="271"/>
      <c r="AO137" s="271"/>
      <c r="AP137" s="271"/>
      <c r="AQ137" s="271"/>
      <c r="AR137" s="271"/>
      <c r="AS137" s="271"/>
      <c r="AT137" s="271"/>
      <c r="AU137" s="271"/>
      <c r="AV137" s="271"/>
      <c r="AW137" s="271"/>
      <c r="AX137" s="271"/>
      <c r="AY137" s="271"/>
      <c r="AZ137" s="99" t="s">
        <v>110</v>
      </c>
      <c r="BA137" s="99"/>
      <c r="BB137" s="99"/>
      <c r="BC137" s="99"/>
      <c r="BD137" s="99"/>
      <c r="BE137" s="99"/>
      <c r="BF137" s="271"/>
      <c r="BG137" s="271"/>
      <c r="BH137" s="99"/>
      <c r="BI137" s="160" t="s">
        <v>112</v>
      </c>
      <c r="BJ137" s="160"/>
      <c r="BK137" s="55"/>
      <c r="BL137" s="287" t="s">
        <v>111</v>
      </c>
      <c r="BM137" s="271"/>
      <c r="BN137" s="272"/>
    </row>
    <row r="138" spans="4:116" ht="20.100000000000001" customHeight="1">
      <c r="D138" s="37"/>
      <c r="E138" s="215"/>
      <c r="F138" s="215"/>
      <c r="G138" s="210"/>
      <c r="H138" s="210"/>
      <c r="I138" s="210"/>
      <c r="J138" s="210"/>
      <c r="K138" s="210"/>
      <c r="L138" s="210"/>
      <c r="M138" s="210"/>
      <c r="N138" s="210"/>
      <c r="O138" s="210"/>
      <c r="P138" s="210"/>
      <c r="Q138" s="210"/>
      <c r="R138" s="210"/>
      <c r="S138" s="285"/>
      <c r="T138" s="6" t="s">
        <v>114</v>
      </c>
      <c r="AE138" s="209"/>
      <c r="AF138" s="209"/>
      <c r="AG138" s="102" t="s">
        <v>3</v>
      </c>
      <c r="AI138" s="209"/>
      <c r="AJ138" s="209"/>
      <c r="AK138" s="102" t="s">
        <v>4</v>
      </c>
      <c r="AM138" s="209"/>
      <c r="AN138" s="209"/>
      <c r="AO138" s="209"/>
      <c r="AP138" s="209"/>
      <c r="AQ138" s="209"/>
      <c r="AR138" s="209"/>
      <c r="AS138" s="209"/>
      <c r="AT138" s="209"/>
      <c r="AU138" s="209"/>
      <c r="AV138" s="209"/>
      <c r="AW138" s="209"/>
      <c r="AX138" s="209"/>
      <c r="AY138" s="209"/>
      <c r="AZ138" s="102" t="s">
        <v>110</v>
      </c>
      <c r="BF138" s="209"/>
      <c r="BG138" s="209"/>
      <c r="BI138" s="162" t="s">
        <v>112</v>
      </c>
      <c r="BJ138" s="162"/>
      <c r="BK138" s="56"/>
      <c r="BL138" s="288"/>
      <c r="BM138" s="209"/>
      <c r="BN138" s="289"/>
    </row>
    <row r="139" spans="4:116" ht="20.100000000000001" customHeight="1">
      <c r="D139" s="28"/>
      <c r="E139" s="29"/>
      <c r="F139" s="29"/>
      <c r="G139" s="29"/>
      <c r="H139" s="29"/>
      <c r="I139" s="29"/>
      <c r="J139" s="29"/>
      <c r="K139" s="29"/>
      <c r="L139" s="29"/>
      <c r="M139" s="29"/>
      <c r="N139" s="29"/>
      <c r="O139" s="29"/>
      <c r="P139" s="29"/>
      <c r="Q139" s="29"/>
      <c r="R139" s="29"/>
      <c r="S139" s="68"/>
      <c r="T139" s="8" t="s">
        <v>114</v>
      </c>
      <c r="U139" s="100"/>
      <c r="V139" s="100"/>
      <c r="W139" s="100"/>
      <c r="X139" s="100"/>
      <c r="Y139" s="100"/>
      <c r="Z139" s="100"/>
      <c r="AA139" s="100"/>
      <c r="AB139" s="100"/>
      <c r="AC139" s="100"/>
      <c r="AD139" s="100"/>
      <c r="AE139" s="247"/>
      <c r="AF139" s="247"/>
      <c r="AG139" s="100" t="s">
        <v>3</v>
      </c>
      <c r="AH139" s="100"/>
      <c r="AI139" s="247"/>
      <c r="AJ139" s="247"/>
      <c r="AK139" s="100" t="s">
        <v>4</v>
      </c>
      <c r="AL139" s="100"/>
      <c r="AM139" s="247"/>
      <c r="AN139" s="247"/>
      <c r="AO139" s="247"/>
      <c r="AP139" s="247"/>
      <c r="AQ139" s="247"/>
      <c r="AR139" s="247"/>
      <c r="AS139" s="247"/>
      <c r="AT139" s="247"/>
      <c r="AU139" s="247"/>
      <c r="AV139" s="247"/>
      <c r="AW139" s="247"/>
      <c r="AX139" s="247"/>
      <c r="AY139" s="247"/>
      <c r="AZ139" s="100" t="s">
        <v>110</v>
      </c>
      <c r="BA139" s="100"/>
      <c r="BB139" s="100"/>
      <c r="BC139" s="100"/>
      <c r="BD139" s="100"/>
      <c r="BE139" s="100"/>
      <c r="BF139" s="247"/>
      <c r="BG139" s="247"/>
      <c r="BH139" s="100"/>
      <c r="BI139" s="159" t="s">
        <v>112</v>
      </c>
      <c r="BJ139" s="159"/>
      <c r="BK139" s="57"/>
      <c r="BL139" s="278"/>
      <c r="BM139" s="247"/>
      <c r="BN139" s="279"/>
    </row>
    <row r="140" spans="4:116" ht="16.5" customHeight="1">
      <c r="D140" s="53" t="s">
        <v>100</v>
      </c>
      <c r="E140" s="79"/>
      <c r="F140" s="53" t="s">
        <v>263</v>
      </c>
      <c r="G140" s="69"/>
      <c r="H140" s="69"/>
      <c r="I140" s="69"/>
      <c r="J140" s="69"/>
      <c r="K140" s="69"/>
      <c r="L140" s="69"/>
      <c r="M140" s="69"/>
      <c r="N140" s="69"/>
      <c r="O140" s="69"/>
      <c r="P140" s="69"/>
      <c r="Q140" s="69"/>
      <c r="R140" s="69"/>
      <c r="S140" s="69"/>
      <c r="T140" s="69"/>
      <c r="U140" s="69"/>
      <c r="V140" s="69"/>
      <c r="W140" s="69"/>
      <c r="X140" s="69"/>
      <c r="Y140" s="69"/>
      <c r="Z140" s="69"/>
      <c r="AA140" s="69"/>
      <c r="AB140" s="69"/>
      <c r="AC140" s="69"/>
      <c r="AD140" s="69"/>
      <c r="AE140" s="69"/>
      <c r="AF140" s="69"/>
      <c r="AG140" s="69"/>
      <c r="AH140" s="69"/>
      <c r="AI140" s="69"/>
      <c r="AJ140" s="69"/>
      <c r="AK140" s="69"/>
      <c r="AL140" s="69"/>
      <c r="AM140" s="69"/>
      <c r="AN140" s="69"/>
      <c r="AO140" s="69"/>
      <c r="AP140" s="69"/>
      <c r="AQ140" s="69"/>
      <c r="AR140" s="69"/>
      <c r="AS140" s="69"/>
      <c r="AT140" s="69"/>
      <c r="AU140" s="69"/>
      <c r="AV140" s="69"/>
      <c r="AW140" s="69"/>
      <c r="AX140" s="69"/>
      <c r="AY140" s="69"/>
      <c r="AZ140" s="69"/>
      <c r="BA140" s="69"/>
      <c r="BB140" s="69"/>
      <c r="BC140" s="69"/>
      <c r="BD140" s="69"/>
      <c r="BE140" s="69"/>
      <c r="BF140" s="69"/>
      <c r="BG140" s="69"/>
      <c r="BH140" s="69"/>
      <c r="BI140" s="69"/>
      <c r="BJ140" s="69"/>
      <c r="BK140" s="53"/>
      <c r="BL140" s="53"/>
      <c r="BM140" s="53"/>
      <c r="BN140" s="53"/>
    </row>
    <row r="141" spans="4:116" ht="8.25" customHeight="1">
      <c r="D141" s="67"/>
      <c r="E141" s="67"/>
      <c r="F141" s="27"/>
      <c r="G141" s="33"/>
      <c r="H141" s="33"/>
      <c r="I141" s="33"/>
      <c r="J141" s="33"/>
      <c r="K141" s="33"/>
      <c r="L141" s="139"/>
      <c r="M141" s="139"/>
      <c r="N141" s="139"/>
    </row>
    <row r="142" spans="4:116" ht="11.25" customHeight="1">
      <c r="AF142" s="135"/>
      <c r="AG142" s="135"/>
      <c r="AN142" s="135"/>
      <c r="AO142" s="135"/>
      <c r="AT142" s="135"/>
      <c r="AU142" s="135"/>
      <c r="AV142" s="135"/>
      <c r="AW142" s="135"/>
      <c r="AX142" s="135"/>
      <c r="AY142" s="135"/>
      <c r="BB142" s="135"/>
      <c r="BC142" s="135"/>
      <c r="BI142" s="135"/>
      <c r="BJ142" s="135"/>
      <c r="BO142" s="135"/>
      <c r="BP142" s="135"/>
    </row>
    <row r="143" spans="4:116" ht="27" customHeight="1">
      <c r="D143" s="63"/>
      <c r="E143" s="311" t="s">
        <v>264</v>
      </c>
      <c r="F143" s="311"/>
      <c r="G143" s="98" t="s">
        <v>173</v>
      </c>
      <c r="H143" s="98"/>
      <c r="I143" s="148"/>
      <c r="J143" s="148"/>
      <c r="K143" s="148"/>
      <c r="L143" s="148"/>
      <c r="M143" s="148"/>
      <c r="N143" s="148"/>
      <c r="O143" s="148"/>
      <c r="P143" s="148"/>
      <c r="Q143" s="148"/>
      <c r="R143" s="148"/>
      <c r="S143" s="150"/>
      <c r="T143" s="97"/>
      <c r="U143" s="98" t="s">
        <v>175</v>
      </c>
      <c r="V143" s="98"/>
      <c r="W143" s="98"/>
      <c r="X143" s="98"/>
      <c r="Y143" s="98"/>
      <c r="Z143" s="98"/>
      <c r="AA143" s="98"/>
      <c r="AB143" s="98"/>
      <c r="AC143" s="98"/>
      <c r="AD143" s="98"/>
      <c r="AE143" s="98"/>
      <c r="AF143" s="98"/>
      <c r="AG143" s="98"/>
      <c r="AH143" s="98"/>
      <c r="AI143" s="98"/>
      <c r="AJ143" s="98"/>
      <c r="AK143" s="98"/>
      <c r="AL143" s="98"/>
      <c r="AM143" s="98"/>
      <c r="AN143" s="98"/>
      <c r="AO143" s="98"/>
      <c r="AP143" s="98"/>
      <c r="AQ143" s="98"/>
      <c r="AR143" s="98"/>
      <c r="AS143" s="98"/>
      <c r="AT143" s="98"/>
      <c r="AU143" s="98"/>
      <c r="AV143" s="98"/>
      <c r="AW143" s="98"/>
      <c r="AX143" s="98"/>
      <c r="AY143" s="98"/>
      <c r="AZ143" s="98"/>
      <c r="BA143" s="98"/>
      <c r="BB143" s="98"/>
      <c r="BC143" s="98"/>
      <c r="BD143" s="98"/>
      <c r="BE143" s="98"/>
      <c r="BF143" s="98"/>
      <c r="BG143" s="98"/>
      <c r="BH143" s="98"/>
      <c r="BI143" s="281" t="s">
        <v>119</v>
      </c>
      <c r="BJ143" s="273"/>
      <c r="BK143" s="273"/>
      <c r="BL143" s="273"/>
      <c r="BM143" s="273"/>
      <c r="BN143" s="277"/>
    </row>
    <row r="144" spans="4:116" ht="21.75" customHeight="1">
      <c r="D144" s="192"/>
      <c r="E144" s="271" t="s">
        <v>265</v>
      </c>
      <c r="F144" s="271"/>
      <c r="G144" s="312" t="s">
        <v>174</v>
      </c>
      <c r="H144" s="312"/>
      <c r="I144" s="312"/>
      <c r="J144" s="312"/>
      <c r="K144" s="312"/>
      <c r="L144" s="312"/>
      <c r="M144" s="312"/>
      <c r="N144" s="312"/>
      <c r="O144" s="312"/>
      <c r="P144" s="312"/>
      <c r="Q144" s="312"/>
      <c r="R144" s="312"/>
      <c r="S144" s="313"/>
      <c r="T144" s="162"/>
      <c r="U144" s="50" t="s">
        <v>229</v>
      </c>
      <c r="V144" s="50"/>
      <c r="W144" s="50"/>
      <c r="X144" s="50"/>
      <c r="Y144" s="50"/>
      <c r="Z144" s="50"/>
      <c r="AA144" s="50"/>
      <c r="AB144" s="50"/>
      <c r="AC144" s="50"/>
      <c r="AD144" s="50"/>
      <c r="AE144" s="50"/>
      <c r="AF144" s="50"/>
      <c r="AG144" s="50"/>
      <c r="AH144" s="50"/>
      <c r="AI144" s="50"/>
      <c r="AJ144" s="50"/>
      <c r="AK144" s="50"/>
      <c r="AL144" s="50"/>
      <c r="AM144" s="50"/>
      <c r="AN144" s="50"/>
      <c r="AO144" s="50"/>
      <c r="AP144" s="50"/>
      <c r="AQ144" s="137"/>
      <c r="AR144" s="137"/>
      <c r="AS144" s="137"/>
      <c r="AT144" s="137"/>
      <c r="AU144" s="137"/>
      <c r="AV144" s="137"/>
      <c r="AW144" s="137"/>
      <c r="AX144" s="137"/>
      <c r="AY144" s="137"/>
      <c r="AZ144" s="50"/>
      <c r="BA144" s="50"/>
      <c r="BB144" s="50"/>
      <c r="BC144" s="137"/>
      <c r="BD144" s="137"/>
      <c r="BE144" s="137"/>
      <c r="BF144" s="137"/>
      <c r="BG144" s="50"/>
      <c r="BH144" s="50"/>
      <c r="BI144" s="50"/>
      <c r="BJ144" s="50"/>
      <c r="BL144" s="318"/>
      <c r="BM144" s="318"/>
      <c r="BN144" s="319"/>
    </row>
    <row r="145" spans="4:66" ht="21.75" customHeight="1">
      <c r="D145" s="190"/>
      <c r="E145" s="209"/>
      <c r="F145" s="209"/>
      <c r="G145" s="314"/>
      <c r="H145" s="314"/>
      <c r="I145" s="314"/>
      <c r="J145" s="314"/>
      <c r="K145" s="314"/>
      <c r="L145" s="314"/>
      <c r="M145" s="314"/>
      <c r="N145" s="314"/>
      <c r="O145" s="314"/>
      <c r="P145" s="314"/>
      <c r="Q145" s="314"/>
      <c r="R145" s="314"/>
      <c r="S145" s="315"/>
      <c r="T145" s="162"/>
      <c r="U145" s="50" t="s">
        <v>176</v>
      </c>
      <c r="V145" s="50"/>
      <c r="W145" s="50"/>
      <c r="X145" s="50"/>
      <c r="Y145" s="50"/>
      <c r="Z145" s="50"/>
      <c r="AA145" s="50"/>
      <c r="AB145" s="50"/>
      <c r="AC145" s="50"/>
      <c r="AD145" s="50"/>
      <c r="AE145" s="50"/>
      <c r="AF145" s="50"/>
      <c r="AG145" s="50"/>
      <c r="AH145" s="50"/>
      <c r="AI145" s="50"/>
      <c r="AJ145" s="50"/>
      <c r="AK145" s="50"/>
      <c r="AL145" s="50"/>
      <c r="AM145" s="50"/>
      <c r="AN145" s="50"/>
      <c r="AO145" s="50"/>
      <c r="AP145" s="50"/>
      <c r="AQ145" s="137"/>
      <c r="AR145" s="137"/>
      <c r="AS145" s="137"/>
      <c r="AT145" s="137"/>
      <c r="AU145" s="137"/>
      <c r="AV145" s="137"/>
      <c r="AW145" s="137"/>
      <c r="AX145" s="137"/>
      <c r="AY145" s="137"/>
      <c r="AZ145" s="50"/>
      <c r="BA145" s="50"/>
      <c r="BB145" s="50"/>
      <c r="BC145" s="137"/>
      <c r="BD145" s="137"/>
      <c r="BE145" s="137"/>
      <c r="BF145" s="137"/>
      <c r="BG145" s="50"/>
      <c r="BH145" s="50"/>
      <c r="BI145" s="320" t="s">
        <v>231</v>
      </c>
      <c r="BJ145" s="321"/>
      <c r="BK145" s="322"/>
      <c r="BL145" s="323" t="s">
        <v>230</v>
      </c>
      <c r="BM145" s="294"/>
      <c r="BN145" s="295"/>
    </row>
    <row r="146" spans="4:66" ht="33.75" customHeight="1">
      <c r="D146" s="72"/>
      <c r="E146" s="247"/>
      <c r="F146" s="247"/>
      <c r="G146" s="316"/>
      <c r="H146" s="316"/>
      <c r="I146" s="316"/>
      <c r="J146" s="316"/>
      <c r="K146" s="316"/>
      <c r="L146" s="316"/>
      <c r="M146" s="316"/>
      <c r="N146" s="316"/>
      <c r="O146" s="316"/>
      <c r="P146" s="316"/>
      <c r="Q146" s="316"/>
      <c r="R146" s="316"/>
      <c r="S146" s="317"/>
      <c r="T146" s="162"/>
      <c r="U146" s="304" t="s">
        <v>177</v>
      </c>
      <c r="V146" s="304"/>
      <c r="W146" s="304"/>
      <c r="X146" s="304"/>
      <c r="Y146" s="304"/>
      <c r="Z146" s="304"/>
      <c r="AA146" s="304"/>
      <c r="AB146" s="304"/>
      <c r="AC146" s="304"/>
      <c r="AD146" s="304"/>
      <c r="AE146" s="304"/>
      <c r="AF146" s="304"/>
      <c r="AG146" s="304"/>
      <c r="AH146" s="304"/>
      <c r="AI146" s="304"/>
      <c r="AJ146" s="304"/>
      <c r="AK146" s="304"/>
      <c r="AL146" s="304"/>
      <c r="AM146" s="304"/>
      <c r="AN146" s="304"/>
      <c r="AO146" s="304"/>
      <c r="AP146" s="304"/>
      <c r="AQ146" s="304"/>
      <c r="AR146" s="304"/>
      <c r="AS146" s="304"/>
      <c r="AT146" s="304"/>
      <c r="AU146" s="304"/>
      <c r="AV146" s="304"/>
      <c r="AW146" s="304"/>
      <c r="AX146" s="304"/>
      <c r="AY146" s="304"/>
      <c r="AZ146" s="304"/>
      <c r="BA146" s="304"/>
      <c r="BB146" s="304"/>
      <c r="BC146" s="304"/>
      <c r="BD146" s="304"/>
      <c r="BE146" s="304"/>
      <c r="BF146" s="304"/>
      <c r="BG146" s="304"/>
      <c r="BH146" s="145"/>
      <c r="BI146" s="324" t="s">
        <v>231</v>
      </c>
      <c r="BJ146" s="252"/>
      <c r="BK146" s="325"/>
      <c r="BL146" s="326" t="s">
        <v>230</v>
      </c>
      <c r="BM146" s="297"/>
      <c r="BN146" s="298"/>
    </row>
    <row r="147" spans="4:66" ht="22.5" customHeight="1">
      <c r="D147" s="2"/>
      <c r="E147" s="271" t="s">
        <v>266</v>
      </c>
      <c r="F147" s="271"/>
      <c r="G147" s="99" t="s">
        <v>194</v>
      </c>
      <c r="H147" s="99"/>
      <c r="I147" s="99"/>
      <c r="J147" s="99"/>
      <c r="K147" s="99"/>
      <c r="L147" s="99"/>
      <c r="M147" s="99"/>
      <c r="N147" s="99"/>
      <c r="O147" s="99"/>
      <c r="P147" s="99"/>
      <c r="Q147" s="99"/>
      <c r="R147" s="99"/>
      <c r="S147" s="3"/>
      <c r="T147" s="2"/>
      <c r="U147" s="99"/>
      <c r="V147" s="99"/>
      <c r="W147" s="307" t="s">
        <v>115</v>
      </c>
      <c r="X147" s="307"/>
      <c r="Y147" s="307"/>
      <c r="Z147" s="307"/>
      <c r="AA147" s="307"/>
      <c r="AB147" s="307"/>
      <c r="AC147" s="307"/>
      <c r="AD147" s="307"/>
      <c r="AE147" s="307"/>
      <c r="AF147" s="307"/>
      <c r="AG147" s="307"/>
      <c r="AH147" s="307"/>
      <c r="AI147" s="307"/>
      <c r="AJ147" s="307"/>
      <c r="AK147" s="307"/>
      <c r="AL147" s="307"/>
      <c r="AM147" s="307"/>
      <c r="AN147" s="307"/>
      <c r="AO147" s="307"/>
      <c r="AP147" s="307"/>
      <c r="AQ147" s="307"/>
      <c r="AR147" s="307"/>
      <c r="AS147" s="307"/>
      <c r="AT147" s="307"/>
      <c r="AU147" s="307"/>
      <c r="AV147" s="99"/>
      <c r="AW147" s="99"/>
      <c r="AX147" s="99"/>
      <c r="AY147" s="99"/>
      <c r="AZ147" s="99"/>
      <c r="BA147" s="99"/>
      <c r="BB147" s="99"/>
      <c r="BC147" s="44"/>
      <c r="BD147" s="99"/>
      <c r="BE147" s="308" t="s">
        <v>22</v>
      </c>
      <c r="BF147" s="308"/>
      <c r="BG147" s="308"/>
      <c r="BH147" s="160"/>
      <c r="BI147" s="74"/>
      <c r="BJ147" s="160"/>
      <c r="BK147" s="308" t="s">
        <v>27</v>
      </c>
      <c r="BL147" s="308"/>
      <c r="BM147" s="308"/>
      <c r="BN147" s="3"/>
    </row>
    <row r="148" spans="4:66" ht="22.5" customHeight="1">
      <c r="D148" s="6"/>
      <c r="S148" s="7"/>
      <c r="T148" s="6"/>
      <c r="W148" s="309" t="s">
        <v>116</v>
      </c>
      <c r="X148" s="309"/>
      <c r="Y148" s="309"/>
      <c r="Z148" s="309"/>
      <c r="AA148" s="309"/>
      <c r="AB148" s="309"/>
      <c r="AC148" s="309"/>
      <c r="AD148" s="309"/>
      <c r="AE148" s="309"/>
      <c r="AF148" s="309"/>
      <c r="AG148" s="309"/>
      <c r="AH148" s="309"/>
      <c r="AI148" s="309"/>
      <c r="AJ148" s="309"/>
      <c r="AK148" s="309"/>
      <c r="AL148" s="309"/>
      <c r="AM148" s="309"/>
      <c r="AN148" s="309"/>
      <c r="AO148" s="309"/>
      <c r="AP148" s="309"/>
      <c r="AQ148" s="309"/>
      <c r="AR148" s="309"/>
      <c r="AS148" s="309"/>
      <c r="AT148" s="309"/>
      <c r="AU148" s="309"/>
      <c r="BC148" s="76"/>
      <c r="BE148" s="310" t="s">
        <v>22</v>
      </c>
      <c r="BF148" s="310"/>
      <c r="BG148" s="310"/>
      <c r="BH148" s="162"/>
      <c r="BI148" s="78"/>
      <c r="BJ148" s="162"/>
      <c r="BK148" s="310" t="s">
        <v>27</v>
      </c>
      <c r="BL148" s="310"/>
      <c r="BM148" s="310"/>
      <c r="BN148" s="7"/>
    </row>
    <row r="149" spans="4:66" ht="22.5" customHeight="1">
      <c r="D149" s="8"/>
      <c r="E149" s="100"/>
      <c r="F149" s="100"/>
      <c r="G149" s="100"/>
      <c r="H149" s="100"/>
      <c r="I149" s="100"/>
      <c r="J149" s="100"/>
      <c r="K149" s="100"/>
      <c r="L149" s="100"/>
      <c r="M149" s="100"/>
      <c r="N149" s="100"/>
      <c r="O149" s="100"/>
      <c r="P149" s="100"/>
      <c r="Q149" s="100"/>
      <c r="R149" s="100"/>
      <c r="S149" s="9"/>
      <c r="T149" s="8"/>
      <c r="U149" s="100"/>
      <c r="V149" s="100"/>
      <c r="W149" s="100" t="s">
        <v>117</v>
      </c>
      <c r="X149" s="100"/>
      <c r="Y149" s="100"/>
      <c r="Z149" s="100"/>
      <c r="AA149" s="100"/>
      <c r="AB149" s="100"/>
      <c r="AC149" s="247"/>
      <c r="AD149" s="247"/>
      <c r="AE149" s="247"/>
      <c r="AF149" s="247"/>
      <c r="AG149" s="247"/>
      <c r="AH149" s="247"/>
      <c r="AI149" s="247"/>
      <c r="AJ149" s="247"/>
      <c r="AK149" s="247"/>
      <c r="AL149" s="247"/>
      <c r="AM149" s="247"/>
      <c r="AN149" s="247"/>
      <c r="AO149" s="247"/>
      <c r="AP149" s="247"/>
      <c r="AQ149" s="247"/>
      <c r="AR149" s="247"/>
      <c r="AS149" s="247"/>
      <c r="AT149" s="247"/>
      <c r="AU149" s="100" t="s">
        <v>28</v>
      </c>
      <c r="AV149" s="100"/>
      <c r="AW149" s="100"/>
      <c r="AX149" s="100"/>
      <c r="AY149" s="100"/>
      <c r="AZ149" s="100"/>
      <c r="BA149" s="100"/>
      <c r="BB149" s="100"/>
      <c r="BC149" s="77"/>
      <c r="BD149" s="100"/>
      <c r="BE149" s="306" t="s">
        <v>22</v>
      </c>
      <c r="BF149" s="306"/>
      <c r="BG149" s="306"/>
      <c r="BH149" s="159"/>
      <c r="BI149" s="75"/>
      <c r="BJ149" s="159"/>
      <c r="BK149" s="306" t="s">
        <v>27</v>
      </c>
      <c r="BL149" s="306"/>
      <c r="BM149" s="306"/>
      <c r="BN149" s="9"/>
    </row>
    <row r="150" spans="4:66" ht="30" customHeight="1">
      <c r="D150" s="73"/>
      <c r="E150" s="280" t="s">
        <v>267</v>
      </c>
      <c r="F150" s="280"/>
      <c r="G150" s="274" t="s">
        <v>195</v>
      </c>
      <c r="H150" s="274"/>
      <c r="I150" s="274"/>
      <c r="J150" s="274"/>
      <c r="K150" s="274"/>
      <c r="L150" s="274"/>
      <c r="M150" s="274"/>
      <c r="N150" s="274"/>
      <c r="O150" s="274"/>
      <c r="P150" s="274"/>
      <c r="Q150" s="274"/>
      <c r="R150" s="274"/>
      <c r="S150" s="275"/>
      <c r="T150" s="194"/>
      <c r="U150" s="35"/>
      <c r="V150" s="35"/>
      <c r="W150" s="35"/>
      <c r="X150" s="273" t="s">
        <v>118</v>
      </c>
      <c r="Y150" s="273"/>
      <c r="Z150" s="273"/>
      <c r="AA150" s="273"/>
      <c r="AB150" s="273"/>
      <c r="AC150" s="35"/>
      <c r="AD150" s="35"/>
      <c r="AE150" s="35"/>
      <c r="AF150" s="35"/>
      <c r="AG150" s="35"/>
      <c r="AH150" s="35"/>
      <c r="AI150" s="35"/>
      <c r="AJ150" s="35"/>
      <c r="AK150" s="273" t="s">
        <v>119</v>
      </c>
      <c r="AL150" s="273"/>
      <c r="AM150" s="273"/>
      <c r="AN150" s="273"/>
      <c r="AO150" s="273"/>
      <c r="AP150" s="273"/>
      <c r="AQ150" s="35"/>
      <c r="AR150" s="35"/>
      <c r="AS150" s="35"/>
      <c r="AT150" s="35"/>
      <c r="AU150" s="35"/>
      <c r="AV150" s="35"/>
      <c r="AW150" s="35"/>
      <c r="AX150" s="35"/>
      <c r="AY150" s="35"/>
      <c r="AZ150" s="35"/>
      <c r="BA150" s="35"/>
      <c r="BB150" s="35"/>
      <c r="BC150" s="35"/>
      <c r="BD150" s="35"/>
      <c r="BE150" s="35"/>
      <c r="BF150" s="35"/>
      <c r="BG150" s="35"/>
      <c r="BH150" s="35"/>
      <c r="BI150" s="35"/>
      <c r="BJ150" s="35"/>
      <c r="BK150" s="35"/>
      <c r="BL150" s="35"/>
      <c r="BM150" s="35"/>
      <c r="BN150" s="36"/>
    </row>
    <row r="151" spans="4:66" ht="30" customHeight="1">
      <c r="D151" s="73"/>
      <c r="E151" s="280" t="s">
        <v>268</v>
      </c>
      <c r="F151" s="280"/>
      <c r="G151" s="274" t="s">
        <v>196</v>
      </c>
      <c r="H151" s="274"/>
      <c r="I151" s="274"/>
      <c r="J151" s="274"/>
      <c r="K151" s="274"/>
      <c r="L151" s="274"/>
      <c r="M151" s="274"/>
      <c r="N151" s="274"/>
      <c r="O151" s="274"/>
      <c r="P151" s="274"/>
      <c r="Q151" s="274"/>
      <c r="R151" s="274"/>
      <c r="S151" s="275"/>
      <c r="T151" s="149"/>
      <c r="U151" s="35" t="s">
        <v>149</v>
      </c>
      <c r="V151" s="148"/>
      <c r="W151" s="148"/>
      <c r="X151" s="148"/>
      <c r="Y151" s="148"/>
      <c r="Z151" s="148"/>
      <c r="AA151" s="148"/>
      <c r="AB151" s="148"/>
      <c r="AC151" s="148"/>
      <c r="AD151" s="148"/>
      <c r="AE151" s="148"/>
      <c r="AF151" s="148"/>
      <c r="AG151" s="148"/>
      <c r="AH151" s="148"/>
      <c r="AI151" s="98"/>
      <c r="AJ151" s="98"/>
      <c r="AK151" s="98"/>
      <c r="AL151" s="98"/>
      <c r="AM151" s="98"/>
      <c r="AN151" s="98"/>
      <c r="AO151" s="98"/>
      <c r="AP151" s="98"/>
      <c r="AQ151" s="98"/>
      <c r="AR151" s="98"/>
      <c r="AS151" s="98"/>
      <c r="AT151" s="51"/>
      <c r="AU151" s="51"/>
      <c r="AV151" s="51"/>
      <c r="AW151" s="51"/>
      <c r="AX151" s="51"/>
      <c r="AY151" s="51"/>
      <c r="AZ151" s="51"/>
      <c r="BA151" s="51"/>
      <c r="BB151" s="148"/>
      <c r="BC151" s="148"/>
      <c r="BD151" s="148"/>
      <c r="BE151" s="148"/>
      <c r="BF151" s="148"/>
      <c r="BG151" s="148"/>
      <c r="BH151" s="35"/>
      <c r="BI151" s="35"/>
      <c r="BJ151" s="35"/>
      <c r="BK151" s="64"/>
      <c r="BL151" s="281" t="s">
        <v>111</v>
      </c>
      <c r="BM151" s="273"/>
      <c r="BN151" s="277"/>
    </row>
    <row r="152" spans="4:66" ht="30" customHeight="1">
      <c r="D152" s="73"/>
      <c r="E152" s="280" t="s">
        <v>269</v>
      </c>
      <c r="F152" s="280"/>
      <c r="G152" s="274" t="s">
        <v>197</v>
      </c>
      <c r="H152" s="274"/>
      <c r="I152" s="274"/>
      <c r="J152" s="274"/>
      <c r="K152" s="274"/>
      <c r="L152" s="274"/>
      <c r="M152" s="274"/>
      <c r="N152" s="274"/>
      <c r="O152" s="274"/>
      <c r="P152" s="274"/>
      <c r="Q152" s="274"/>
      <c r="R152" s="274"/>
      <c r="S152" s="275"/>
      <c r="T152" s="149"/>
      <c r="U152" s="35" t="s">
        <v>150</v>
      </c>
      <c r="V152" s="148"/>
      <c r="W152" s="148"/>
      <c r="X152" s="148"/>
      <c r="Y152" s="148"/>
      <c r="Z152" s="148"/>
      <c r="AA152" s="148"/>
      <c r="AB152" s="148"/>
      <c r="AC152" s="148"/>
      <c r="AD152" s="148"/>
      <c r="AE152" s="148"/>
      <c r="AF152" s="148"/>
      <c r="AG152" s="148"/>
      <c r="AH152" s="148"/>
      <c r="AI152" s="98"/>
      <c r="AJ152" s="98"/>
      <c r="AK152" s="98"/>
      <c r="AL152" s="98"/>
      <c r="AM152" s="98"/>
      <c r="AN152" s="98"/>
      <c r="AO152" s="98"/>
      <c r="AP152" s="98"/>
      <c r="AQ152" s="98"/>
      <c r="AR152" s="98"/>
      <c r="AS152" s="98"/>
      <c r="AT152" s="51"/>
      <c r="AU152" s="51"/>
      <c r="AV152" s="51"/>
      <c r="AW152" s="51"/>
      <c r="AX152" s="51"/>
      <c r="AY152" s="51"/>
      <c r="AZ152" s="51"/>
      <c r="BA152" s="51"/>
      <c r="BB152" s="148"/>
      <c r="BC152" s="148"/>
      <c r="BD152" s="148"/>
      <c r="BE152" s="148"/>
      <c r="BF152" s="148"/>
      <c r="BG152" s="148"/>
      <c r="BH152" s="35"/>
      <c r="BI152" s="35"/>
      <c r="BJ152" s="35"/>
      <c r="BK152" s="64"/>
      <c r="BL152" s="281" t="s">
        <v>111</v>
      </c>
      <c r="BM152" s="273"/>
      <c r="BN152" s="277"/>
    </row>
    <row r="153" spans="4:66" ht="24" customHeight="1">
      <c r="D153" s="65"/>
      <c r="E153" s="282" t="s">
        <v>270</v>
      </c>
      <c r="F153" s="282"/>
      <c r="G153" s="302" t="s">
        <v>198</v>
      </c>
      <c r="H153" s="302"/>
      <c r="I153" s="302"/>
      <c r="J153" s="302"/>
      <c r="K153" s="303"/>
      <c r="L153" s="223" t="s">
        <v>120</v>
      </c>
      <c r="M153" s="224"/>
      <c r="N153" s="224"/>
      <c r="O153" s="224"/>
      <c r="P153" s="224"/>
      <c r="Q153" s="224"/>
      <c r="R153" s="224"/>
      <c r="S153" s="225"/>
      <c r="T153" s="99" t="s">
        <v>124</v>
      </c>
      <c r="U153" s="99"/>
      <c r="V153" s="99"/>
      <c r="W153" s="99"/>
      <c r="X153" s="99"/>
      <c r="Y153" s="99"/>
      <c r="Z153" s="99"/>
      <c r="AA153" s="99"/>
      <c r="AB153" s="99"/>
      <c r="AC153" s="99"/>
      <c r="AD153" s="99"/>
      <c r="AE153" s="99"/>
      <c r="AF153" s="99"/>
      <c r="AG153" s="99"/>
      <c r="AH153" s="99"/>
      <c r="AI153" s="99"/>
      <c r="AJ153" s="99"/>
      <c r="AK153" s="99"/>
      <c r="AL153" s="99"/>
      <c r="AM153" s="99"/>
      <c r="AN153" s="99"/>
      <c r="AO153" s="99"/>
      <c r="AP153" s="99"/>
      <c r="AQ153" s="99"/>
      <c r="AR153" s="99"/>
      <c r="AS153" s="99"/>
      <c r="AT153" s="99"/>
      <c r="AU153" s="99"/>
      <c r="AV153" s="99"/>
      <c r="AW153" s="99"/>
      <c r="AX153" s="99"/>
      <c r="AY153" s="99"/>
      <c r="AZ153" s="99"/>
      <c r="BA153" s="99"/>
      <c r="BB153" s="99"/>
      <c r="BC153" s="99"/>
      <c r="BD153" s="99"/>
      <c r="BE153" s="99"/>
      <c r="BF153" s="99"/>
      <c r="BG153" s="99"/>
      <c r="BH153" s="99"/>
      <c r="BI153" s="287" t="s">
        <v>119</v>
      </c>
      <c r="BJ153" s="271"/>
      <c r="BK153" s="271"/>
      <c r="BL153" s="271"/>
      <c r="BM153" s="271"/>
      <c r="BN153" s="272"/>
    </row>
    <row r="154" spans="4:66" ht="24" customHeight="1">
      <c r="D154" s="28"/>
      <c r="E154" s="301"/>
      <c r="F154" s="301"/>
      <c r="G154" s="304"/>
      <c r="H154" s="304"/>
      <c r="I154" s="304"/>
      <c r="J154" s="304"/>
      <c r="K154" s="305"/>
      <c r="L154" s="226" t="s">
        <v>121</v>
      </c>
      <c r="M154" s="227"/>
      <c r="N154" s="227"/>
      <c r="O154" s="227"/>
      <c r="P154" s="227"/>
      <c r="Q154" s="227"/>
      <c r="R154" s="227"/>
      <c r="S154" s="228"/>
      <c r="T154" s="100" t="s">
        <v>125</v>
      </c>
      <c r="U154" s="100"/>
      <c r="V154" s="100"/>
      <c r="W154" s="100"/>
      <c r="X154" s="100"/>
      <c r="Y154" s="100"/>
      <c r="Z154" s="100"/>
      <c r="AA154" s="100"/>
      <c r="AB154" s="100"/>
      <c r="AC154" s="100"/>
      <c r="AD154" s="100"/>
      <c r="AE154" s="100"/>
      <c r="AF154" s="100"/>
      <c r="AG154" s="100"/>
      <c r="AH154" s="100"/>
      <c r="AI154" s="100"/>
      <c r="AJ154" s="100"/>
      <c r="AK154" s="100"/>
      <c r="AL154" s="100"/>
      <c r="AM154" s="100"/>
      <c r="AN154" s="100"/>
      <c r="AO154" s="100"/>
      <c r="AP154" s="100"/>
      <c r="AQ154" s="100"/>
      <c r="AR154" s="100"/>
      <c r="AS154" s="100"/>
      <c r="AT154" s="100"/>
      <c r="AU154" s="100"/>
      <c r="AV154" s="247"/>
      <c r="AW154" s="247"/>
      <c r="AX154" s="247"/>
      <c r="AY154" s="100" t="s">
        <v>126</v>
      </c>
      <c r="AZ154" s="100"/>
      <c r="BA154" s="100"/>
      <c r="BB154" s="100"/>
      <c r="BC154" s="100"/>
      <c r="BD154" s="100"/>
      <c r="BE154" s="100"/>
      <c r="BF154" s="100"/>
      <c r="BG154" s="100"/>
      <c r="BH154" s="100"/>
      <c r="BI154" s="278" t="s">
        <v>119</v>
      </c>
      <c r="BJ154" s="247"/>
      <c r="BK154" s="247"/>
      <c r="BL154" s="247"/>
      <c r="BM154" s="247"/>
      <c r="BN154" s="279"/>
    </row>
    <row r="155" spans="4:66" ht="30" customHeight="1">
      <c r="D155" s="73"/>
      <c r="E155" s="280" t="s">
        <v>271</v>
      </c>
      <c r="F155" s="280"/>
      <c r="G155" s="274" t="s">
        <v>199</v>
      </c>
      <c r="H155" s="274"/>
      <c r="I155" s="274"/>
      <c r="J155" s="274"/>
      <c r="K155" s="274"/>
      <c r="L155" s="274"/>
      <c r="M155" s="274"/>
      <c r="N155" s="274"/>
      <c r="O155" s="274"/>
      <c r="P155" s="274"/>
      <c r="Q155" s="274"/>
      <c r="R155" s="274"/>
      <c r="S155" s="275"/>
      <c r="T155" s="194" t="s">
        <v>127</v>
      </c>
      <c r="U155" s="35"/>
      <c r="V155" s="35"/>
      <c r="W155" s="35"/>
      <c r="X155" s="35"/>
      <c r="Y155" s="35"/>
      <c r="Z155" s="35"/>
      <c r="AA155" s="35"/>
      <c r="AB155" s="35"/>
      <c r="AC155" s="35"/>
      <c r="AD155" s="35"/>
      <c r="AE155" s="35"/>
      <c r="AF155" s="35"/>
      <c r="AG155" s="35"/>
      <c r="AH155" s="35"/>
      <c r="AI155" s="35"/>
      <c r="AJ155" s="35"/>
      <c r="AK155" s="35"/>
      <c r="AL155" s="35"/>
      <c r="AM155" s="35"/>
      <c r="AN155" s="35"/>
      <c r="AO155" s="35"/>
      <c r="AP155" s="35"/>
      <c r="AQ155" s="35"/>
      <c r="AR155" s="35"/>
      <c r="AS155" s="35"/>
      <c r="AT155" s="35"/>
      <c r="AU155" s="35"/>
      <c r="AV155" s="35"/>
      <c r="AW155" s="35"/>
      <c r="AX155" s="35"/>
      <c r="AY155" s="273"/>
      <c r="AZ155" s="273"/>
      <c r="BA155" s="273"/>
      <c r="BB155" s="273"/>
      <c r="BC155" s="273"/>
      <c r="BD155" s="273"/>
      <c r="BE155" s="273"/>
      <c r="BF155" s="273"/>
      <c r="BG155" s="273"/>
      <c r="BH155" s="273"/>
      <c r="BI155" s="273"/>
      <c r="BJ155" s="273"/>
      <c r="BK155" s="273"/>
      <c r="BL155" s="35"/>
      <c r="BM155" s="148" t="s">
        <v>28</v>
      </c>
      <c r="BN155" s="150"/>
    </row>
    <row r="156" spans="4:66" ht="24" customHeight="1">
      <c r="D156" s="65"/>
      <c r="E156" s="282" t="s">
        <v>272</v>
      </c>
      <c r="F156" s="282"/>
      <c r="G156" s="302" t="s">
        <v>200</v>
      </c>
      <c r="H156" s="302"/>
      <c r="I156" s="302"/>
      <c r="J156" s="302"/>
      <c r="K156" s="303"/>
      <c r="L156" s="223" t="s">
        <v>122</v>
      </c>
      <c r="M156" s="224"/>
      <c r="N156" s="224"/>
      <c r="O156" s="224"/>
      <c r="P156" s="224"/>
      <c r="Q156" s="224"/>
      <c r="R156" s="224"/>
      <c r="S156" s="225"/>
      <c r="T156" s="2" t="s">
        <v>236</v>
      </c>
      <c r="U156" s="99"/>
      <c r="V156" s="99"/>
      <c r="W156" s="99"/>
      <c r="X156" s="99"/>
      <c r="Y156" s="99"/>
      <c r="Z156" s="99"/>
      <c r="AA156" s="99"/>
      <c r="AB156" s="99"/>
      <c r="AC156" s="99"/>
      <c r="AD156" s="99"/>
      <c r="AE156" s="99"/>
      <c r="AF156" s="99"/>
      <c r="AG156" s="99"/>
      <c r="AH156" s="99"/>
      <c r="AI156" s="99"/>
      <c r="AJ156" s="99"/>
      <c r="AK156" s="99"/>
      <c r="AL156" s="99"/>
      <c r="AM156" s="99"/>
      <c r="AN156" s="99"/>
      <c r="AO156" s="99"/>
      <c r="AP156" s="99"/>
      <c r="AQ156" s="99"/>
      <c r="AR156" s="99"/>
      <c r="AS156" s="99"/>
      <c r="AT156" s="99"/>
      <c r="AU156" s="99"/>
      <c r="AV156" s="99"/>
      <c r="AW156" s="99"/>
      <c r="AX156" s="99"/>
      <c r="AY156" s="99"/>
      <c r="AZ156" s="99"/>
      <c r="BA156" s="99"/>
      <c r="BB156" s="99"/>
      <c r="BC156" s="99"/>
      <c r="BD156" s="99"/>
      <c r="BE156" s="99"/>
      <c r="BF156" s="99"/>
      <c r="BG156" s="99"/>
      <c r="BH156" s="99"/>
      <c r="BI156" s="287" t="s">
        <v>119</v>
      </c>
      <c r="BJ156" s="271"/>
      <c r="BK156" s="271"/>
      <c r="BL156" s="271"/>
      <c r="BM156" s="271"/>
      <c r="BN156" s="272"/>
    </row>
    <row r="157" spans="4:66" ht="24" customHeight="1">
      <c r="D157" s="28"/>
      <c r="E157" s="301"/>
      <c r="F157" s="301"/>
      <c r="G157" s="304"/>
      <c r="H157" s="304"/>
      <c r="I157" s="304"/>
      <c r="J157" s="304"/>
      <c r="K157" s="305"/>
      <c r="L157" s="226" t="s">
        <v>123</v>
      </c>
      <c r="M157" s="227"/>
      <c r="N157" s="227"/>
      <c r="O157" s="227"/>
      <c r="P157" s="227"/>
      <c r="Q157" s="227"/>
      <c r="R157" s="227"/>
      <c r="S157" s="228"/>
      <c r="T157" s="8" t="s">
        <v>237</v>
      </c>
      <c r="U157" s="100"/>
      <c r="V157" s="100"/>
      <c r="W157" s="100"/>
      <c r="X157" s="100"/>
      <c r="Y157" s="100"/>
      <c r="Z157" s="100"/>
      <c r="AA157" s="100"/>
      <c r="AB157" s="100"/>
      <c r="AC157" s="100"/>
      <c r="AD157" s="100"/>
      <c r="AE157" s="100"/>
      <c r="AF157" s="100"/>
      <c r="AG157" s="100"/>
      <c r="AH157" s="100"/>
      <c r="AI157" s="100"/>
      <c r="AJ157" s="100"/>
      <c r="AK157" s="100"/>
      <c r="AL157" s="100"/>
      <c r="AM157" s="100"/>
      <c r="AN157" s="100"/>
      <c r="AO157" s="100"/>
      <c r="AP157" s="100"/>
      <c r="AQ157" s="100"/>
      <c r="AR157" s="100"/>
      <c r="AS157" s="100"/>
      <c r="AT157" s="100"/>
      <c r="AU157" s="100"/>
      <c r="AV157" s="100"/>
      <c r="AW157" s="100"/>
      <c r="AX157" s="100"/>
      <c r="AY157" s="100"/>
      <c r="AZ157" s="100"/>
      <c r="BA157" s="100"/>
      <c r="BB157" s="100"/>
      <c r="BC157" s="100"/>
      <c r="BD157" s="100"/>
      <c r="BE157" s="100"/>
      <c r="BF157" s="100"/>
      <c r="BG157" s="100"/>
      <c r="BH157" s="100"/>
      <c r="BI157" s="278" t="s">
        <v>119</v>
      </c>
      <c r="BJ157" s="247"/>
      <c r="BK157" s="247"/>
      <c r="BL157" s="247"/>
      <c r="BM157" s="247"/>
      <c r="BN157" s="279"/>
    </row>
    <row r="158" spans="4:66" ht="30" customHeight="1">
      <c r="D158" s="73"/>
      <c r="E158" s="280" t="s">
        <v>273</v>
      </c>
      <c r="F158" s="280"/>
      <c r="G158" s="274" t="s">
        <v>202</v>
      </c>
      <c r="H158" s="274"/>
      <c r="I158" s="274"/>
      <c r="J158" s="274"/>
      <c r="K158" s="274"/>
      <c r="L158" s="274"/>
      <c r="M158" s="274"/>
      <c r="N158" s="274"/>
      <c r="O158" s="274"/>
      <c r="P158" s="274"/>
      <c r="Q158" s="274"/>
      <c r="R158" s="274"/>
      <c r="S158" s="275"/>
      <c r="T158" s="100" t="s">
        <v>128</v>
      </c>
      <c r="U158" s="100"/>
      <c r="V158" s="100"/>
      <c r="W158" s="100"/>
      <c r="X158" s="100"/>
      <c r="Y158" s="100"/>
      <c r="Z158" s="100"/>
      <c r="AA158" s="100"/>
      <c r="AB158" s="100"/>
      <c r="AC158" s="100"/>
      <c r="AD158" s="100"/>
      <c r="AE158" s="100"/>
      <c r="AF158" s="100"/>
      <c r="AG158" s="100"/>
      <c r="AH158" s="100"/>
      <c r="AI158" s="100"/>
      <c r="AJ158" s="100"/>
      <c r="AK158" s="100"/>
      <c r="AL158" s="100"/>
      <c r="AM158" s="100"/>
      <c r="AN158" s="100"/>
      <c r="AO158" s="100"/>
      <c r="AP158" s="100"/>
      <c r="AQ158" s="100"/>
      <c r="AR158" s="100"/>
      <c r="AS158" s="247"/>
      <c r="AT158" s="247"/>
      <c r="AU158" s="247"/>
      <c r="AV158" s="100" t="s">
        <v>129</v>
      </c>
      <c r="AW158" s="100"/>
      <c r="AX158" s="100"/>
      <c r="AY158" s="100"/>
      <c r="AZ158" s="100"/>
      <c r="BA158" s="100"/>
      <c r="BB158" s="100"/>
      <c r="BC158" s="100"/>
      <c r="BD158" s="100"/>
      <c r="BE158" s="100"/>
      <c r="BF158" s="100"/>
      <c r="BG158" s="100"/>
      <c r="BH158" s="100"/>
      <c r="BI158" s="281" t="s">
        <v>119</v>
      </c>
      <c r="BJ158" s="273"/>
      <c r="BK158" s="273"/>
      <c r="BL158" s="273"/>
      <c r="BM158" s="273"/>
      <c r="BN158" s="277"/>
    </row>
    <row r="159" spans="4:66" ht="20.100000000000001" customHeight="1">
      <c r="D159" s="65"/>
      <c r="E159" s="300" t="s">
        <v>274</v>
      </c>
      <c r="F159" s="300"/>
      <c r="G159" s="283" t="s">
        <v>328</v>
      </c>
      <c r="H159" s="283"/>
      <c r="I159" s="283"/>
      <c r="J159" s="283"/>
      <c r="K159" s="283"/>
      <c r="L159" s="283"/>
      <c r="M159" s="283"/>
      <c r="N159" s="283"/>
      <c r="O159" s="283"/>
      <c r="P159" s="283"/>
      <c r="Q159" s="283"/>
      <c r="R159" s="283"/>
      <c r="S159" s="284"/>
      <c r="T159" s="2" t="s">
        <v>130</v>
      </c>
      <c r="U159" s="99"/>
      <c r="V159" s="99"/>
      <c r="W159" s="99"/>
      <c r="X159" s="99"/>
      <c r="Y159" s="99"/>
      <c r="Z159" s="99"/>
      <c r="AA159" s="99"/>
      <c r="AB159" s="99"/>
      <c r="AC159" s="99"/>
      <c r="AD159" s="99"/>
      <c r="AE159" s="99"/>
      <c r="AF159" s="99"/>
      <c r="AG159" s="99"/>
      <c r="AH159" s="99"/>
      <c r="AI159" s="99"/>
      <c r="AJ159" s="99"/>
      <c r="AK159" s="99"/>
      <c r="AL159" s="99"/>
      <c r="AM159" s="99"/>
      <c r="AN159" s="99"/>
      <c r="AO159" s="99"/>
      <c r="AP159" s="99"/>
      <c r="AQ159" s="99"/>
      <c r="AR159" s="99"/>
      <c r="AS159" s="99"/>
      <c r="AT159" s="99"/>
      <c r="AU159" s="99"/>
      <c r="AV159" s="99"/>
      <c r="AW159" s="99"/>
      <c r="AX159" s="99"/>
      <c r="AY159" s="99"/>
      <c r="AZ159" s="99"/>
      <c r="BA159" s="99"/>
      <c r="BB159" s="55"/>
      <c r="BC159" s="287" t="s">
        <v>118</v>
      </c>
      <c r="BD159" s="271"/>
      <c r="BE159" s="271"/>
      <c r="BF159" s="271"/>
      <c r="BG159" s="271"/>
      <c r="BH159" s="271"/>
      <c r="BI159" s="287" t="s">
        <v>119</v>
      </c>
      <c r="BJ159" s="271"/>
      <c r="BK159" s="271"/>
      <c r="BL159" s="271"/>
      <c r="BM159" s="271"/>
      <c r="BN159" s="272"/>
    </row>
    <row r="160" spans="4:66" ht="20.100000000000001" customHeight="1">
      <c r="D160" s="37"/>
      <c r="E160" s="214"/>
      <c r="F160" s="214"/>
      <c r="G160" s="210"/>
      <c r="H160" s="210"/>
      <c r="I160" s="210"/>
      <c r="J160" s="210"/>
      <c r="K160" s="210"/>
      <c r="L160" s="210"/>
      <c r="M160" s="210"/>
      <c r="N160" s="210"/>
      <c r="O160" s="210"/>
      <c r="P160" s="210"/>
      <c r="Q160" s="210"/>
      <c r="R160" s="210"/>
      <c r="S160" s="285"/>
      <c r="T160" s="6" t="s">
        <v>131</v>
      </c>
      <c r="BB160" s="56"/>
      <c r="BC160" s="288" t="s">
        <v>118</v>
      </c>
      <c r="BD160" s="209"/>
      <c r="BE160" s="209"/>
      <c r="BF160" s="209"/>
      <c r="BG160" s="209"/>
      <c r="BH160" s="209"/>
      <c r="BI160" s="288" t="s">
        <v>119</v>
      </c>
      <c r="BJ160" s="209"/>
      <c r="BK160" s="209"/>
      <c r="BL160" s="209"/>
      <c r="BM160" s="209"/>
      <c r="BN160" s="289"/>
    </row>
    <row r="161" spans="4:68" ht="20.100000000000001" customHeight="1">
      <c r="D161" s="28"/>
      <c r="E161" s="29"/>
      <c r="F161" s="29"/>
      <c r="G161" s="29"/>
      <c r="H161" s="29"/>
      <c r="I161" s="29"/>
      <c r="J161" s="29"/>
      <c r="K161" s="29"/>
      <c r="L161" s="29"/>
      <c r="M161" s="29"/>
      <c r="N161" s="29"/>
      <c r="O161" s="29"/>
      <c r="P161" s="29"/>
      <c r="Q161" s="29"/>
      <c r="R161" s="29"/>
      <c r="S161" s="68"/>
      <c r="T161" s="8" t="s">
        <v>132</v>
      </c>
      <c r="U161" s="100"/>
      <c r="V161" s="100"/>
      <c r="W161" s="100"/>
      <c r="X161" s="100"/>
      <c r="Y161" s="100"/>
      <c r="Z161" s="100"/>
      <c r="AA161" s="100"/>
      <c r="AB161" s="100"/>
      <c r="AC161" s="100"/>
      <c r="AD161" s="100"/>
      <c r="AE161" s="100"/>
      <c r="AF161" s="100"/>
      <c r="AG161" s="100"/>
      <c r="AH161" s="100"/>
      <c r="AI161" s="100"/>
      <c r="AJ161" s="100"/>
      <c r="AK161" s="100"/>
      <c r="AL161" s="100"/>
      <c r="AM161" s="100"/>
      <c r="AN161" s="100"/>
      <c r="AO161" s="100"/>
      <c r="AP161" s="100"/>
      <c r="AQ161" s="100"/>
      <c r="AR161" s="100"/>
      <c r="AS161" s="100"/>
      <c r="AT161" s="100"/>
      <c r="AU161" s="100"/>
      <c r="AV161" s="100"/>
      <c r="AW161" s="100"/>
      <c r="AX161" s="100"/>
      <c r="AY161" s="100"/>
      <c r="AZ161" s="100"/>
      <c r="BA161" s="100"/>
      <c r="BB161" s="57"/>
      <c r="BC161" s="278" t="s">
        <v>118</v>
      </c>
      <c r="BD161" s="247"/>
      <c r="BE161" s="247"/>
      <c r="BF161" s="247"/>
      <c r="BG161" s="247"/>
      <c r="BH161" s="247"/>
      <c r="BI161" s="278" t="s">
        <v>119</v>
      </c>
      <c r="BJ161" s="247"/>
      <c r="BK161" s="247"/>
      <c r="BL161" s="247"/>
      <c r="BM161" s="247"/>
      <c r="BN161" s="279"/>
    </row>
    <row r="162" spans="4:68" ht="16.5" customHeight="1">
      <c r="D162" s="53"/>
      <c r="E162" s="79"/>
      <c r="F162" s="53"/>
      <c r="G162" s="69"/>
      <c r="H162" s="69"/>
      <c r="I162" s="69"/>
      <c r="J162" s="69"/>
      <c r="K162" s="69"/>
      <c r="L162" s="69"/>
      <c r="M162" s="69"/>
      <c r="N162" s="69"/>
      <c r="O162" s="69"/>
      <c r="P162" s="69"/>
      <c r="Q162" s="69"/>
      <c r="R162" s="69"/>
      <c r="S162" s="69"/>
      <c r="T162" s="69"/>
      <c r="U162" s="69"/>
      <c r="V162" s="69"/>
      <c r="W162" s="69"/>
      <c r="X162" s="69"/>
      <c r="Y162" s="69"/>
      <c r="Z162" s="69"/>
      <c r="AA162" s="69"/>
      <c r="AB162" s="69"/>
      <c r="AC162" s="69"/>
      <c r="AD162" s="69"/>
      <c r="AE162" s="69"/>
      <c r="AF162" s="69"/>
      <c r="AG162" s="69"/>
      <c r="AH162" s="69"/>
      <c r="AI162" s="69"/>
      <c r="AJ162" s="69"/>
      <c r="AK162" s="69"/>
      <c r="AL162" s="69"/>
      <c r="AM162" s="69"/>
      <c r="AN162" s="69"/>
      <c r="AO162" s="69"/>
      <c r="AP162" s="69"/>
      <c r="AQ162" s="69"/>
      <c r="AR162" s="69"/>
      <c r="AS162" s="69"/>
      <c r="AT162" s="69"/>
      <c r="AU162" s="69"/>
      <c r="AV162" s="69"/>
      <c r="AW162" s="69"/>
      <c r="AX162" s="69"/>
      <c r="AY162" s="69"/>
      <c r="AZ162" s="69"/>
      <c r="BA162" s="69"/>
      <c r="BB162" s="69"/>
      <c r="BC162" s="69"/>
      <c r="BD162" s="69"/>
      <c r="BE162" s="69"/>
      <c r="BF162" s="69"/>
      <c r="BG162" s="69"/>
      <c r="BH162" s="69"/>
      <c r="BI162" s="69"/>
      <c r="BJ162" s="69"/>
      <c r="BK162" s="53"/>
      <c r="BL162" s="53"/>
      <c r="BM162" s="53"/>
      <c r="BN162" s="53"/>
    </row>
    <row r="163" spans="4:68" ht="8.25" customHeight="1">
      <c r="D163" s="67"/>
      <c r="E163" s="67"/>
      <c r="F163" s="27"/>
      <c r="G163" s="33"/>
      <c r="H163" s="33"/>
      <c r="I163" s="33"/>
      <c r="J163" s="33"/>
      <c r="K163" s="33"/>
      <c r="L163" s="139"/>
      <c r="M163" s="139"/>
      <c r="N163" s="139"/>
    </row>
    <row r="164" spans="4:68" ht="11.25" customHeight="1">
      <c r="AF164" s="135"/>
      <c r="AG164" s="135"/>
      <c r="AN164" s="135"/>
      <c r="AO164" s="135"/>
      <c r="AT164" s="135"/>
      <c r="AU164" s="135"/>
      <c r="AV164" s="135"/>
      <c r="AW164" s="135"/>
      <c r="AX164" s="135"/>
      <c r="AY164" s="135"/>
      <c r="BB164" s="135"/>
      <c r="BC164" s="135"/>
      <c r="BI164" s="135"/>
      <c r="BJ164" s="135"/>
      <c r="BO164" s="135"/>
      <c r="BP164" s="135"/>
    </row>
    <row r="165" spans="4:68" ht="27" customHeight="1">
      <c r="D165" s="290" t="s">
        <v>275</v>
      </c>
      <c r="E165" s="291"/>
      <c r="F165" s="291"/>
      <c r="G165" s="292"/>
      <c r="H165" s="168"/>
      <c r="I165" s="160" t="s">
        <v>133</v>
      </c>
      <c r="J165" s="154"/>
      <c r="K165" s="154"/>
      <c r="L165" s="146"/>
      <c r="M165" s="146"/>
      <c r="N165" s="146"/>
      <c r="O165" s="146"/>
      <c r="P165" s="146"/>
      <c r="Q165" s="146"/>
      <c r="R165" s="146"/>
      <c r="S165" s="146"/>
      <c r="T165" s="99"/>
      <c r="U165" s="271" t="s">
        <v>135</v>
      </c>
      <c r="V165" s="271"/>
      <c r="W165" s="271"/>
      <c r="X165" s="271"/>
      <c r="Y165" s="271"/>
      <c r="Z165" s="99"/>
      <c r="AA165" s="99"/>
      <c r="AB165" s="99"/>
      <c r="AC165" s="99"/>
      <c r="AD165" s="99"/>
      <c r="AE165" s="99"/>
      <c r="AF165" s="99"/>
      <c r="AG165" s="99"/>
      <c r="AH165" s="271" t="s">
        <v>136</v>
      </c>
      <c r="AI165" s="271"/>
      <c r="AJ165" s="271"/>
      <c r="AK165" s="271"/>
      <c r="AL165" s="271"/>
      <c r="AM165" s="271"/>
      <c r="AN165" s="99"/>
      <c r="AO165" s="99"/>
      <c r="AP165" s="99"/>
      <c r="AQ165" s="99"/>
      <c r="AR165" s="99"/>
      <c r="AS165" s="99"/>
      <c r="AT165" s="99"/>
      <c r="AU165" s="99"/>
      <c r="AV165" s="99"/>
      <c r="AW165" s="99"/>
      <c r="AX165" s="99"/>
      <c r="AY165" s="99"/>
      <c r="AZ165" s="99"/>
      <c r="BA165" s="99"/>
      <c r="BB165" s="99"/>
      <c r="BC165" s="99"/>
      <c r="BD165" s="99"/>
      <c r="BE165" s="146"/>
      <c r="BF165" s="146"/>
      <c r="BG165" s="146"/>
      <c r="BH165" s="146"/>
      <c r="BI165" s="146"/>
      <c r="BJ165" s="147"/>
    </row>
    <row r="166" spans="4:68" ht="27" customHeight="1">
      <c r="D166" s="293"/>
      <c r="E166" s="294"/>
      <c r="F166" s="294"/>
      <c r="G166" s="295"/>
      <c r="H166" s="58"/>
      <c r="I166" s="59" t="s">
        <v>134</v>
      </c>
      <c r="J166" s="60"/>
      <c r="K166" s="60"/>
      <c r="L166" s="157"/>
      <c r="M166" s="157"/>
      <c r="N166" s="157"/>
      <c r="O166" s="157"/>
      <c r="P166" s="299"/>
      <c r="Q166" s="299"/>
      <c r="R166" s="299"/>
      <c r="S166" s="299"/>
      <c r="T166" s="299"/>
      <c r="U166" s="299"/>
      <c r="V166" s="299"/>
      <c r="W166" s="299"/>
      <c r="X166" s="299"/>
      <c r="Y166" s="299"/>
      <c r="Z166" s="299"/>
      <c r="AA166" s="299"/>
      <c r="AB166" s="299"/>
      <c r="AC166" s="299"/>
      <c r="AD166" s="299"/>
      <c r="AE166" s="299"/>
      <c r="AF166" s="299"/>
      <c r="AG166" s="299"/>
      <c r="AH166" s="299"/>
      <c r="AI166" s="299"/>
      <c r="AJ166" s="299"/>
      <c r="AK166" s="299"/>
      <c r="AL166" s="299"/>
      <c r="AM166" s="299"/>
      <c r="AN166" s="299"/>
      <c r="AO166" s="299"/>
      <c r="AP166" s="299"/>
      <c r="AQ166" s="299"/>
      <c r="AR166" s="299"/>
      <c r="AS166" s="299"/>
      <c r="AT166" s="299"/>
      <c r="AU166" s="299"/>
      <c r="AV166" s="299"/>
      <c r="AW166" s="299"/>
      <c r="AX166" s="299"/>
      <c r="AY166" s="299"/>
      <c r="AZ166" s="299"/>
      <c r="BA166" s="299"/>
      <c r="BB166" s="299"/>
      <c r="BC166" s="299"/>
      <c r="BD166" s="299"/>
      <c r="BE166" s="299"/>
      <c r="BF166" s="299"/>
      <c r="BG166" s="299"/>
      <c r="BH166" s="299"/>
      <c r="BI166" s="59" t="s">
        <v>28</v>
      </c>
      <c r="BJ166" s="174"/>
    </row>
    <row r="167" spans="4:68" ht="27" customHeight="1">
      <c r="D167" s="293"/>
      <c r="E167" s="294"/>
      <c r="F167" s="294"/>
      <c r="G167" s="295"/>
      <c r="H167" s="61"/>
      <c r="I167" s="185" t="s">
        <v>137</v>
      </c>
      <c r="J167" s="62"/>
      <c r="K167" s="62"/>
      <c r="L167" s="155"/>
      <c r="M167" s="155"/>
      <c r="N167" s="155"/>
      <c r="O167" s="155"/>
      <c r="P167" s="155"/>
      <c r="Q167" s="155"/>
      <c r="R167" s="155"/>
      <c r="S167" s="155"/>
      <c r="T167" s="54"/>
      <c r="U167" s="286" t="s">
        <v>135</v>
      </c>
      <c r="V167" s="286"/>
      <c r="W167" s="286"/>
      <c r="X167" s="286"/>
      <c r="Y167" s="286"/>
      <c r="Z167" s="54"/>
      <c r="AA167" s="54"/>
      <c r="AB167" s="54"/>
      <c r="AC167" s="54"/>
      <c r="AD167" s="54"/>
      <c r="AE167" s="54"/>
      <c r="AF167" s="54"/>
      <c r="AG167" s="54"/>
      <c r="AH167" s="286" t="s">
        <v>136</v>
      </c>
      <c r="AI167" s="286"/>
      <c r="AJ167" s="286"/>
      <c r="AK167" s="286"/>
      <c r="AL167" s="286"/>
      <c r="AM167" s="286"/>
      <c r="AN167" s="54"/>
      <c r="AO167" s="54"/>
      <c r="AP167" s="54"/>
      <c r="AQ167" s="54"/>
      <c r="AR167" s="54"/>
      <c r="AS167" s="54"/>
      <c r="AT167" s="54"/>
      <c r="AU167" s="54"/>
      <c r="AV167" s="54"/>
      <c r="AW167" s="54"/>
      <c r="AX167" s="54"/>
      <c r="AY167" s="54"/>
      <c r="AZ167" s="54"/>
      <c r="BA167" s="54"/>
      <c r="BB167" s="54"/>
      <c r="BC167" s="54"/>
      <c r="BD167" s="54"/>
      <c r="BE167" s="155"/>
      <c r="BF167" s="155"/>
      <c r="BG167" s="155"/>
      <c r="BH167" s="155"/>
      <c r="BI167" s="155"/>
      <c r="BJ167" s="178"/>
    </row>
    <row r="168" spans="4:68" ht="27" customHeight="1">
      <c r="D168" s="293"/>
      <c r="E168" s="294"/>
      <c r="F168" s="294"/>
      <c r="G168" s="295"/>
      <c r="H168" s="95"/>
      <c r="I168" s="159" t="s">
        <v>134</v>
      </c>
      <c r="J168" s="96"/>
      <c r="K168" s="96"/>
      <c r="L168" s="144"/>
      <c r="M168" s="144"/>
      <c r="N168" s="144"/>
      <c r="O168" s="144"/>
      <c r="P168" s="247"/>
      <c r="Q168" s="247"/>
      <c r="R168" s="247"/>
      <c r="S168" s="247"/>
      <c r="T168" s="247"/>
      <c r="U168" s="247"/>
      <c r="V168" s="247"/>
      <c r="W168" s="247"/>
      <c r="X168" s="247"/>
      <c r="Y168" s="247"/>
      <c r="Z168" s="247"/>
      <c r="AA168" s="247"/>
      <c r="AB168" s="247"/>
      <c r="AC168" s="247"/>
      <c r="AD168" s="247"/>
      <c r="AE168" s="247"/>
      <c r="AF168" s="247"/>
      <c r="AG168" s="247"/>
      <c r="AH168" s="247"/>
      <c r="AI168" s="247"/>
      <c r="AJ168" s="247"/>
      <c r="AK168" s="247"/>
      <c r="AL168" s="247"/>
      <c r="AM168" s="247"/>
      <c r="AN168" s="247"/>
      <c r="AO168" s="247"/>
      <c r="AP168" s="247"/>
      <c r="AQ168" s="247"/>
      <c r="AR168" s="247"/>
      <c r="AS168" s="247"/>
      <c r="AT168" s="247"/>
      <c r="AU168" s="247"/>
      <c r="AV168" s="247"/>
      <c r="AW168" s="247"/>
      <c r="AX168" s="247"/>
      <c r="AY168" s="247"/>
      <c r="AZ168" s="247"/>
      <c r="BA168" s="247"/>
      <c r="BB168" s="247"/>
      <c r="BC168" s="247"/>
      <c r="BD168" s="247"/>
      <c r="BE168" s="247"/>
      <c r="BF168" s="247"/>
      <c r="BG168" s="247"/>
      <c r="BH168" s="247"/>
      <c r="BI168" s="159" t="s">
        <v>28</v>
      </c>
      <c r="BJ168" s="152"/>
    </row>
    <row r="169" spans="4:68" ht="27" customHeight="1">
      <c r="D169" s="293"/>
      <c r="E169" s="294"/>
      <c r="F169" s="294"/>
      <c r="G169" s="295"/>
      <c r="H169" s="61"/>
      <c r="I169" s="185" t="s">
        <v>138</v>
      </c>
      <c r="J169" s="62"/>
      <c r="K169" s="62"/>
      <c r="L169" s="155"/>
      <c r="M169" s="155"/>
      <c r="N169" s="155"/>
      <c r="O169" s="155"/>
      <c r="P169" s="155"/>
      <c r="Q169" s="155"/>
      <c r="R169" s="155"/>
      <c r="S169" s="155"/>
      <c r="T169" s="54"/>
      <c r="U169" s="286" t="s">
        <v>135</v>
      </c>
      <c r="V169" s="286"/>
      <c r="W169" s="286"/>
      <c r="X169" s="286"/>
      <c r="Y169" s="286"/>
      <c r="Z169" s="54"/>
      <c r="AA169" s="54"/>
      <c r="AB169" s="54"/>
      <c r="AC169" s="54"/>
      <c r="AD169" s="54"/>
      <c r="AE169" s="54"/>
      <c r="AF169" s="54"/>
      <c r="AG169" s="54"/>
      <c r="AH169" s="286" t="s">
        <v>136</v>
      </c>
      <c r="AI169" s="286"/>
      <c r="AJ169" s="286"/>
      <c r="AK169" s="286"/>
      <c r="AL169" s="286"/>
      <c r="AM169" s="286"/>
      <c r="AN169" s="54"/>
      <c r="AO169" s="54"/>
      <c r="AP169" s="54"/>
      <c r="AQ169" s="54"/>
      <c r="AR169" s="54"/>
      <c r="AS169" s="54"/>
      <c r="AT169" s="54"/>
      <c r="AU169" s="54"/>
      <c r="AV169" s="54"/>
      <c r="AW169" s="54"/>
      <c r="AX169" s="54"/>
      <c r="AY169" s="54"/>
      <c r="AZ169" s="54"/>
      <c r="BA169" s="54"/>
      <c r="BB169" s="54"/>
      <c r="BC169" s="54"/>
      <c r="BD169" s="54"/>
      <c r="BE169" s="155"/>
      <c r="BF169" s="155"/>
      <c r="BG169" s="155"/>
      <c r="BH169" s="155"/>
      <c r="BI169" s="155"/>
      <c r="BJ169" s="178"/>
    </row>
    <row r="170" spans="4:68" ht="27" customHeight="1">
      <c r="D170" s="296"/>
      <c r="E170" s="297"/>
      <c r="F170" s="297"/>
      <c r="G170" s="298"/>
      <c r="H170" s="95"/>
      <c r="I170" s="159" t="s">
        <v>134</v>
      </c>
      <c r="J170" s="96"/>
      <c r="K170" s="96"/>
      <c r="L170" s="144"/>
      <c r="M170" s="144"/>
      <c r="N170" s="144"/>
      <c r="O170" s="144"/>
      <c r="P170" s="247"/>
      <c r="Q170" s="247"/>
      <c r="R170" s="247"/>
      <c r="S170" s="247"/>
      <c r="T170" s="247"/>
      <c r="U170" s="247"/>
      <c r="V170" s="247"/>
      <c r="W170" s="247"/>
      <c r="X170" s="247"/>
      <c r="Y170" s="247"/>
      <c r="Z170" s="247"/>
      <c r="AA170" s="247"/>
      <c r="AB170" s="247"/>
      <c r="AC170" s="247"/>
      <c r="AD170" s="247"/>
      <c r="AE170" s="247"/>
      <c r="AF170" s="247"/>
      <c r="AG170" s="247"/>
      <c r="AH170" s="247"/>
      <c r="AI170" s="247"/>
      <c r="AJ170" s="247"/>
      <c r="AK170" s="247"/>
      <c r="AL170" s="247"/>
      <c r="AM170" s="247"/>
      <c r="AN170" s="247"/>
      <c r="AO170" s="247"/>
      <c r="AP170" s="247"/>
      <c r="AQ170" s="247"/>
      <c r="AR170" s="247"/>
      <c r="AS170" s="247"/>
      <c r="AT170" s="247"/>
      <c r="AU170" s="247"/>
      <c r="AV170" s="247"/>
      <c r="AW170" s="247"/>
      <c r="AX170" s="247"/>
      <c r="AY170" s="247"/>
      <c r="AZ170" s="247"/>
      <c r="BA170" s="247"/>
      <c r="BB170" s="247"/>
      <c r="BC170" s="247"/>
      <c r="BD170" s="247"/>
      <c r="BE170" s="247"/>
      <c r="BF170" s="247"/>
      <c r="BG170" s="247"/>
      <c r="BH170" s="247"/>
      <c r="BI170" s="159" t="s">
        <v>28</v>
      </c>
      <c r="BJ170" s="152"/>
    </row>
    <row r="171" spans="4:68" ht="27" customHeight="1">
      <c r="D171" s="65"/>
      <c r="E171" s="282" t="s">
        <v>276</v>
      </c>
      <c r="F171" s="282"/>
      <c r="G171" s="283" t="s">
        <v>203</v>
      </c>
      <c r="H171" s="283"/>
      <c r="I171" s="283"/>
      <c r="J171" s="283"/>
      <c r="K171" s="283"/>
      <c r="L171" s="283"/>
      <c r="M171" s="283"/>
      <c r="N171" s="283"/>
      <c r="O171" s="283"/>
      <c r="P171" s="283"/>
      <c r="Q171" s="283"/>
      <c r="R171" s="283"/>
      <c r="S171" s="284"/>
      <c r="T171" s="2" t="s">
        <v>139</v>
      </c>
      <c r="U171" s="99"/>
      <c r="V171" s="99"/>
      <c r="W171" s="99"/>
      <c r="X171" s="99"/>
      <c r="Y171" s="99"/>
      <c r="Z171" s="99"/>
      <c r="AA171" s="99"/>
      <c r="AB171" s="99"/>
      <c r="AC171" s="99"/>
      <c r="AD171" s="99"/>
      <c r="AE171" s="99"/>
      <c r="AF171" s="99"/>
      <c r="AG171" s="99"/>
      <c r="AH171" s="99"/>
      <c r="AI171" s="99"/>
      <c r="AJ171" s="99"/>
      <c r="AK171" s="99"/>
      <c r="AL171" s="99"/>
      <c r="AM171" s="99"/>
      <c r="AN171" s="99"/>
      <c r="AO171" s="99"/>
      <c r="AP171" s="99"/>
      <c r="AQ171" s="99"/>
      <c r="AR171" s="99"/>
      <c r="AS171" s="99"/>
      <c r="AT171" s="99"/>
      <c r="AU171" s="99"/>
      <c r="AV171" s="99"/>
      <c r="AW171" s="99"/>
      <c r="AX171" s="55"/>
      <c r="AY171" s="287" t="s">
        <v>118</v>
      </c>
      <c r="AZ171" s="271"/>
      <c r="BA171" s="271"/>
      <c r="BB171" s="271"/>
      <c r="BC171" s="271"/>
      <c r="BD171" s="271"/>
      <c r="BE171" s="287" t="s">
        <v>119</v>
      </c>
      <c r="BF171" s="271"/>
      <c r="BG171" s="271"/>
      <c r="BH171" s="271"/>
      <c r="BI171" s="271"/>
      <c r="BJ171" s="272"/>
    </row>
    <row r="172" spans="4:68" ht="27" customHeight="1">
      <c r="D172" s="37"/>
      <c r="E172" s="215"/>
      <c r="F172" s="215"/>
      <c r="G172" s="210"/>
      <c r="H172" s="210"/>
      <c r="I172" s="210"/>
      <c r="J172" s="210"/>
      <c r="K172" s="210"/>
      <c r="L172" s="210"/>
      <c r="M172" s="210"/>
      <c r="N172" s="210"/>
      <c r="O172" s="210"/>
      <c r="P172" s="210"/>
      <c r="Q172" s="210"/>
      <c r="R172" s="210"/>
      <c r="S172" s="285"/>
      <c r="T172" s="6" t="s">
        <v>140</v>
      </c>
      <c r="AX172" s="56"/>
      <c r="AY172" s="288" t="s">
        <v>118</v>
      </c>
      <c r="AZ172" s="209"/>
      <c r="BA172" s="209"/>
      <c r="BB172" s="209"/>
      <c r="BC172" s="209"/>
      <c r="BD172" s="209"/>
      <c r="BE172" s="288" t="s">
        <v>119</v>
      </c>
      <c r="BF172" s="209"/>
      <c r="BG172" s="209"/>
      <c r="BH172" s="209"/>
      <c r="BI172" s="209"/>
      <c r="BJ172" s="289"/>
    </row>
    <row r="173" spans="4:68" ht="27" customHeight="1">
      <c r="D173" s="28"/>
      <c r="E173" s="29"/>
      <c r="F173" s="29"/>
      <c r="G173" s="29"/>
      <c r="H173" s="29"/>
      <c r="I173" s="29"/>
      <c r="J173" s="29"/>
      <c r="K173" s="29"/>
      <c r="L173" s="29"/>
      <c r="M173" s="29"/>
      <c r="N173" s="29"/>
      <c r="O173" s="29"/>
      <c r="P173" s="29"/>
      <c r="Q173" s="29"/>
      <c r="R173" s="29"/>
      <c r="S173" s="68"/>
      <c r="T173" s="8" t="s">
        <v>141</v>
      </c>
      <c r="U173" s="100"/>
      <c r="V173" s="100"/>
      <c r="W173" s="100"/>
      <c r="X173" s="100"/>
      <c r="Y173" s="100"/>
      <c r="Z173" s="100"/>
      <c r="AA173" s="100"/>
      <c r="AB173" s="100"/>
      <c r="AC173" s="100"/>
      <c r="AD173" s="100"/>
      <c r="AE173" s="100"/>
      <c r="AF173" s="100"/>
      <c r="AG173" s="100"/>
      <c r="AH173" s="100"/>
      <c r="AI173" s="100"/>
      <c r="AJ173" s="100"/>
      <c r="AK173" s="100"/>
      <c r="AL173" s="100"/>
      <c r="AM173" s="100"/>
      <c r="AN173" s="100"/>
      <c r="AO173" s="100"/>
      <c r="AP173" s="100"/>
      <c r="AQ173" s="100"/>
      <c r="AR173" s="100"/>
      <c r="AS173" s="100"/>
      <c r="AT173" s="100"/>
      <c r="AU173" s="100"/>
      <c r="AV173" s="100"/>
      <c r="AW173" s="100"/>
      <c r="AX173" s="57"/>
      <c r="AY173" s="278" t="s">
        <v>118</v>
      </c>
      <c r="AZ173" s="247"/>
      <c r="BA173" s="247"/>
      <c r="BB173" s="247"/>
      <c r="BC173" s="247"/>
      <c r="BD173" s="247"/>
      <c r="BE173" s="278" t="s">
        <v>119</v>
      </c>
      <c r="BF173" s="247"/>
      <c r="BG173" s="247"/>
      <c r="BH173" s="247"/>
      <c r="BI173" s="247"/>
      <c r="BJ173" s="279"/>
    </row>
    <row r="174" spans="4:68" ht="27" customHeight="1">
      <c r="D174" s="73"/>
      <c r="E174" s="280" t="s">
        <v>277</v>
      </c>
      <c r="F174" s="280"/>
      <c r="G174" s="274" t="s">
        <v>204</v>
      </c>
      <c r="H174" s="274"/>
      <c r="I174" s="274"/>
      <c r="J174" s="274"/>
      <c r="K174" s="274"/>
      <c r="L174" s="274"/>
      <c r="M174" s="274"/>
      <c r="N174" s="274"/>
      <c r="O174" s="274"/>
      <c r="P174" s="274"/>
      <c r="Q174" s="274"/>
      <c r="R174" s="274"/>
      <c r="S174" s="275"/>
      <c r="T174" s="194" t="s">
        <v>142</v>
      </c>
      <c r="U174" s="35"/>
      <c r="V174" s="35"/>
      <c r="W174" s="35"/>
      <c r="X174" s="35"/>
      <c r="Y174" s="35"/>
      <c r="Z174" s="35"/>
      <c r="AA174" s="35"/>
      <c r="AB174" s="35"/>
      <c r="AC174" s="35"/>
      <c r="AD174" s="35"/>
      <c r="AE174" s="35"/>
      <c r="AF174" s="35"/>
      <c r="AG174" s="35"/>
      <c r="AH174" s="35"/>
      <c r="AI174" s="35"/>
      <c r="AJ174" s="35"/>
      <c r="AK174" s="35"/>
      <c r="AL174" s="35"/>
      <c r="AM174" s="35"/>
      <c r="AN174" s="35"/>
      <c r="AO174" s="35"/>
      <c r="AP174" s="35"/>
      <c r="AQ174" s="35"/>
      <c r="AR174" s="35"/>
      <c r="AS174" s="35"/>
      <c r="AT174" s="35"/>
      <c r="AU174" s="35"/>
      <c r="AV174" s="35"/>
      <c r="AW174" s="35"/>
      <c r="AX174" s="35"/>
      <c r="AY174" s="35"/>
      <c r="AZ174" s="35"/>
      <c r="BA174" s="35"/>
      <c r="BB174" s="35"/>
      <c r="BC174" s="35"/>
      <c r="BD174" s="35"/>
      <c r="BE174" s="148"/>
      <c r="BF174" s="148"/>
      <c r="BG174" s="148"/>
      <c r="BH174" s="281" t="s">
        <v>111</v>
      </c>
      <c r="BI174" s="273"/>
      <c r="BJ174" s="277"/>
    </row>
    <row r="175" spans="4:68" ht="27" customHeight="1">
      <c r="D175" s="65"/>
      <c r="E175" s="282" t="s">
        <v>278</v>
      </c>
      <c r="F175" s="282"/>
      <c r="G175" s="283" t="s">
        <v>205</v>
      </c>
      <c r="H175" s="283"/>
      <c r="I175" s="283"/>
      <c r="J175" s="283"/>
      <c r="K175" s="283"/>
      <c r="L175" s="283"/>
      <c r="M175" s="283"/>
      <c r="N175" s="283"/>
      <c r="O175" s="283"/>
      <c r="P175" s="283"/>
      <c r="Q175" s="283"/>
      <c r="R175" s="283"/>
      <c r="S175" s="284"/>
      <c r="T175" s="2" t="s">
        <v>143</v>
      </c>
      <c r="U175" s="99"/>
      <c r="V175" s="99"/>
      <c r="W175" s="99"/>
      <c r="X175" s="99"/>
      <c r="Y175" s="99"/>
      <c r="Z175" s="99"/>
      <c r="AA175" s="99"/>
      <c r="AB175" s="99"/>
      <c r="AC175" s="99"/>
      <c r="AD175" s="99"/>
      <c r="AE175" s="99"/>
      <c r="AF175" s="271" t="s">
        <v>22</v>
      </c>
      <c r="AG175" s="271"/>
      <c r="AH175" s="271"/>
      <c r="AI175" s="99"/>
      <c r="AJ175" s="99"/>
      <c r="AK175" s="271" t="s">
        <v>27</v>
      </c>
      <c r="AL175" s="271"/>
      <c r="AM175" s="271"/>
      <c r="AN175" s="99"/>
      <c r="AO175" s="3"/>
      <c r="AP175" s="99"/>
      <c r="AQ175" s="99" t="s">
        <v>144</v>
      </c>
      <c r="AR175" s="99"/>
      <c r="AS175" s="99"/>
      <c r="AT175" s="99"/>
      <c r="AU175" s="99"/>
      <c r="AV175" s="99"/>
      <c r="AW175" s="99"/>
      <c r="AX175" s="99"/>
      <c r="AY175" s="99"/>
      <c r="AZ175" s="99"/>
      <c r="BA175" s="99"/>
      <c r="BB175" s="99"/>
      <c r="BC175" s="271" t="s">
        <v>22</v>
      </c>
      <c r="BD175" s="271"/>
      <c r="BE175" s="271"/>
      <c r="BF175" s="99"/>
      <c r="BG175" s="99"/>
      <c r="BH175" s="271" t="s">
        <v>27</v>
      </c>
      <c r="BI175" s="271"/>
      <c r="BJ175" s="272"/>
    </row>
    <row r="176" spans="4:68" ht="27" customHeight="1">
      <c r="D176" s="37"/>
      <c r="E176" s="215"/>
      <c r="F176" s="215"/>
      <c r="G176" s="210"/>
      <c r="H176" s="210"/>
      <c r="I176" s="210"/>
      <c r="J176" s="210"/>
      <c r="K176" s="210"/>
      <c r="L176" s="210"/>
      <c r="M176" s="210"/>
      <c r="N176" s="210"/>
      <c r="O176" s="210"/>
      <c r="P176" s="210"/>
      <c r="Q176" s="210"/>
      <c r="R176" s="210"/>
      <c r="S176" s="285"/>
      <c r="T176" s="194" t="s">
        <v>145</v>
      </c>
      <c r="U176" s="35"/>
      <c r="V176" s="35"/>
      <c r="W176" s="35"/>
      <c r="X176" s="35"/>
      <c r="Y176" s="35"/>
      <c r="Z176" s="35"/>
      <c r="AA176" s="35"/>
      <c r="AB176" s="35"/>
      <c r="AC176" s="35"/>
      <c r="AD176" s="35"/>
      <c r="AE176" s="35"/>
      <c r="AF176" s="273" t="s">
        <v>22</v>
      </c>
      <c r="AG176" s="273"/>
      <c r="AH176" s="273"/>
      <c r="AI176" s="35"/>
      <c r="AJ176" s="35"/>
      <c r="AK176" s="273" t="s">
        <v>27</v>
      </c>
      <c r="AL176" s="273"/>
      <c r="AM176" s="273"/>
      <c r="AN176" s="35"/>
      <c r="AO176" s="36"/>
      <c r="AP176" s="35"/>
      <c r="AQ176" s="35"/>
      <c r="AR176" s="35"/>
      <c r="AS176" s="35"/>
      <c r="AT176" s="35"/>
      <c r="AU176" s="35"/>
      <c r="AV176" s="35"/>
      <c r="AW176" s="35"/>
      <c r="AX176" s="35"/>
      <c r="AY176" s="35"/>
      <c r="AZ176" s="35"/>
      <c r="BA176" s="35"/>
      <c r="BB176" s="35"/>
      <c r="BC176" s="35"/>
      <c r="BD176" s="35"/>
      <c r="BE176" s="148"/>
      <c r="BF176" s="148"/>
      <c r="BG176" s="148"/>
      <c r="BH176" s="148"/>
      <c r="BI176" s="148"/>
      <c r="BJ176" s="150"/>
    </row>
    <row r="177" spans="1:66" ht="27" customHeight="1">
      <c r="D177" s="37"/>
      <c r="E177" s="139"/>
      <c r="F177" s="139"/>
      <c r="G177" s="139"/>
      <c r="H177" s="139"/>
      <c r="I177" s="139"/>
      <c r="J177" s="139"/>
      <c r="K177" s="139"/>
      <c r="L177" s="139"/>
      <c r="M177" s="139"/>
      <c r="N177" s="139"/>
      <c r="O177" s="139"/>
      <c r="P177" s="139"/>
      <c r="Q177" s="139"/>
      <c r="R177" s="139"/>
      <c r="S177" s="30"/>
      <c r="T177" s="6" t="s">
        <v>146</v>
      </c>
      <c r="AU177" s="209" t="s">
        <v>22</v>
      </c>
      <c r="AV177" s="209"/>
      <c r="AW177" s="209"/>
      <c r="BA177" s="209" t="s">
        <v>27</v>
      </c>
      <c r="BB177" s="209"/>
      <c r="BC177" s="209"/>
      <c r="BE177" s="135"/>
      <c r="BF177" s="135"/>
      <c r="BG177" s="135"/>
      <c r="BH177" s="135"/>
      <c r="BI177" s="135"/>
      <c r="BJ177" s="156"/>
    </row>
    <row r="178" spans="1:66" ht="20.25" customHeight="1">
      <c r="D178" s="28"/>
      <c r="E178" s="29"/>
      <c r="F178" s="29"/>
      <c r="G178" s="29"/>
      <c r="H178" s="29"/>
      <c r="I178" s="29"/>
      <c r="J178" s="29"/>
      <c r="K178" s="29"/>
      <c r="L178" s="29"/>
      <c r="M178" s="29"/>
      <c r="N178" s="29"/>
      <c r="O178" s="29"/>
      <c r="P178" s="29"/>
      <c r="Q178" s="29"/>
      <c r="R178" s="29"/>
      <c r="S178" s="68"/>
      <c r="T178" s="8"/>
      <c r="U178" s="100" t="s">
        <v>147</v>
      </c>
      <c r="V178" s="100"/>
      <c r="W178" s="100"/>
      <c r="X178" s="100"/>
      <c r="Y178" s="100"/>
      <c r="Z178" s="100"/>
      <c r="AA178" s="100"/>
      <c r="AB178" s="100"/>
      <c r="AC178" s="100"/>
      <c r="AD178" s="100"/>
      <c r="AE178" s="100"/>
      <c r="AF178" s="100"/>
      <c r="AG178" s="100"/>
      <c r="AH178" s="100"/>
      <c r="AI178" s="100"/>
      <c r="AJ178" s="100"/>
      <c r="AK178" s="100"/>
      <c r="AL178" s="100"/>
      <c r="AM178" s="100"/>
      <c r="AN178" s="100"/>
      <c r="AO178" s="100"/>
      <c r="AP178" s="100"/>
      <c r="AQ178" s="100"/>
      <c r="AR178" s="100"/>
      <c r="AS178" s="100"/>
      <c r="AT178" s="100"/>
      <c r="AU178" s="100"/>
      <c r="AV178" s="100"/>
      <c r="AW178" s="100"/>
      <c r="AX178" s="100"/>
      <c r="AY178" s="100"/>
      <c r="AZ178" s="100"/>
      <c r="BA178" s="100"/>
      <c r="BB178" s="100"/>
      <c r="BC178" s="100"/>
      <c r="BD178" s="100"/>
      <c r="BE178" s="144"/>
      <c r="BF178" s="144"/>
      <c r="BG178" s="144"/>
      <c r="BH178" s="144"/>
      <c r="BI178" s="144"/>
      <c r="BJ178" s="152"/>
    </row>
    <row r="179" spans="1:66" ht="41.25" customHeight="1">
      <c r="D179" s="194"/>
      <c r="E179" s="273" t="s">
        <v>279</v>
      </c>
      <c r="F179" s="273"/>
      <c r="G179" s="274" t="s">
        <v>99</v>
      </c>
      <c r="H179" s="274"/>
      <c r="I179" s="274"/>
      <c r="J179" s="274"/>
      <c r="K179" s="274"/>
      <c r="L179" s="274"/>
      <c r="M179" s="274"/>
      <c r="N179" s="274"/>
      <c r="O179" s="274"/>
      <c r="P179" s="274"/>
      <c r="Q179" s="274"/>
      <c r="R179" s="274"/>
      <c r="S179" s="275"/>
      <c r="T179" s="276"/>
      <c r="U179" s="273"/>
      <c r="V179" s="273"/>
      <c r="W179" s="273"/>
      <c r="X179" s="273"/>
      <c r="Y179" s="273"/>
      <c r="Z179" s="273"/>
      <c r="AA179" s="273"/>
      <c r="AB179" s="273"/>
      <c r="AC179" s="273"/>
      <c r="AD179" s="273"/>
      <c r="AE179" s="273"/>
      <c r="AF179" s="273"/>
      <c r="AG179" s="273"/>
      <c r="AH179" s="273"/>
      <c r="AI179" s="273"/>
      <c r="AJ179" s="273"/>
      <c r="AK179" s="273"/>
      <c r="AL179" s="273"/>
      <c r="AM179" s="273"/>
      <c r="AN179" s="273"/>
      <c r="AO179" s="273"/>
      <c r="AP179" s="273"/>
      <c r="AQ179" s="273"/>
      <c r="AR179" s="273"/>
      <c r="AS179" s="273"/>
      <c r="AT179" s="273"/>
      <c r="AU179" s="273"/>
      <c r="AV179" s="273"/>
      <c r="AW179" s="273"/>
      <c r="AX179" s="273"/>
      <c r="AY179" s="273"/>
      <c r="AZ179" s="273"/>
      <c r="BA179" s="273"/>
      <c r="BB179" s="273"/>
      <c r="BC179" s="273"/>
      <c r="BD179" s="273"/>
      <c r="BE179" s="273"/>
      <c r="BF179" s="273"/>
      <c r="BG179" s="273"/>
      <c r="BH179" s="273"/>
      <c r="BI179" s="273"/>
      <c r="BJ179" s="277"/>
      <c r="BK179" s="6"/>
    </row>
    <row r="180" spans="1:66" ht="20.100000000000001" customHeight="1">
      <c r="D180" s="260"/>
      <c r="E180" s="271" t="s">
        <v>354</v>
      </c>
      <c r="F180" s="459"/>
      <c r="G180" s="283" t="s">
        <v>347</v>
      </c>
      <c r="H180" s="462"/>
      <c r="I180" s="462"/>
      <c r="J180" s="462"/>
      <c r="K180" s="462"/>
      <c r="L180" s="462"/>
      <c r="M180" s="462"/>
      <c r="N180" s="462"/>
      <c r="O180" s="462"/>
      <c r="P180" s="462"/>
      <c r="Q180" s="462"/>
      <c r="R180" s="462"/>
      <c r="S180" s="463"/>
      <c r="T180" s="199"/>
      <c r="U180" s="271" t="s">
        <v>22</v>
      </c>
      <c r="V180" s="200"/>
      <c r="W180" s="200"/>
      <c r="X180" s="271" t="s">
        <v>0</v>
      </c>
      <c r="Y180" s="200"/>
      <c r="Z180" s="200"/>
      <c r="AA180" s="271" t="s">
        <v>27</v>
      </c>
      <c r="AB180" s="200"/>
      <c r="AC180" s="201"/>
      <c r="AD180" s="202" t="s">
        <v>348</v>
      </c>
      <c r="AE180" s="203"/>
      <c r="AF180" s="203"/>
      <c r="AG180" s="203"/>
      <c r="AH180" s="203"/>
      <c r="AI180" s="203"/>
      <c r="AJ180" s="203"/>
      <c r="AK180" s="203"/>
      <c r="AL180" s="203"/>
      <c r="AM180" s="203"/>
      <c r="AN180" s="203"/>
      <c r="AO180" s="203"/>
      <c r="AP180" s="203"/>
      <c r="AQ180" s="203"/>
      <c r="AR180" s="203"/>
      <c r="AS180" s="203"/>
      <c r="AT180" s="203"/>
      <c r="AU180" s="203"/>
      <c r="AV180" s="203"/>
      <c r="AW180" s="203"/>
      <c r="AX180" s="203"/>
      <c r="AY180" s="203"/>
      <c r="AZ180" s="203"/>
      <c r="BA180" s="203"/>
      <c r="BB180" s="203"/>
      <c r="BC180" s="200"/>
      <c r="BD180" s="200"/>
      <c r="BE180" s="200"/>
      <c r="BF180" s="200"/>
      <c r="BG180" s="200"/>
      <c r="BH180" s="200"/>
      <c r="BI180" s="200"/>
      <c r="BJ180" s="204"/>
      <c r="BK180" s="134"/>
      <c r="BL180" s="132"/>
      <c r="BM180" s="132"/>
      <c r="BN180" s="132"/>
    </row>
    <row r="181" spans="1:66" ht="26.25" customHeight="1">
      <c r="D181" s="457"/>
      <c r="E181" s="209"/>
      <c r="F181" s="460"/>
      <c r="G181" s="210"/>
      <c r="H181" s="464"/>
      <c r="I181" s="464"/>
      <c r="J181" s="464"/>
      <c r="K181" s="464"/>
      <c r="L181" s="464"/>
      <c r="M181" s="464"/>
      <c r="N181" s="464"/>
      <c r="O181" s="464"/>
      <c r="P181" s="464"/>
      <c r="Q181" s="464"/>
      <c r="R181" s="464"/>
      <c r="S181" s="465"/>
      <c r="T181" s="134"/>
      <c r="U181" s="209"/>
      <c r="V181" s="132"/>
      <c r="W181" s="132"/>
      <c r="X181" s="209"/>
      <c r="Y181" s="132"/>
      <c r="Z181" s="132"/>
      <c r="AA181" s="209"/>
      <c r="AB181" s="132"/>
      <c r="AC181" s="205"/>
      <c r="AD181" s="206"/>
      <c r="AE181" s="207"/>
      <c r="AF181" s="162" t="s">
        <v>349</v>
      </c>
      <c r="AG181" s="207"/>
      <c r="AH181" s="207"/>
      <c r="AI181" s="207"/>
      <c r="AJ181" s="207"/>
      <c r="AK181" s="207"/>
      <c r="AL181" s="207"/>
      <c r="AM181" s="207"/>
      <c r="AN181" s="207"/>
      <c r="AO181" s="207"/>
      <c r="AP181" s="207"/>
      <c r="AQ181" s="135" t="s">
        <v>350</v>
      </c>
      <c r="AR181" s="135"/>
      <c r="AS181" s="207"/>
      <c r="AT181" s="207"/>
      <c r="AU181" s="207"/>
      <c r="AV181" s="162" t="s">
        <v>351</v>
      </c>
      <c r="AW181" s="207"/>
      <c r="AX181" s="207"/>
      <c r="AY181" s="207"/>
      <c r="AZ181" s="207"/>
      <c r="BA181" s="207"/>
      <c r="BB181" s="207"/>
      <c r="BC181" s="132"/>
      <c r="BD181" s="132"/>
      <c r="BE181" s="132"/>
      <c r="BF181" s="132"/>
      <c r="BG181" s="132"/>
      <c r="BH181" s="132"/>
      <c r="BI181" s="132"/>
      <c r="BJ181" s="208"/>
      <c r="BK181" s="134"/>
      <c r="BL181" s="132"/>
      <c r="BM181" s="132"/>
      <c r="BN181" s="132"/>
    </row>
    <row r="182" spans="1:66" ht="17.25" customHeight="1">
      <c r="D182" s="457"/>
      <c r="E182" s="209"/>
      <c r="F182" s="460"/>
      <c r="G182" s="210"/>
      <c r="H182" s="464"/>
      <c r="I182" s="464"/>
      <c r="J182" s="464"/>
      <c r="K182" s="464"/>
      <c r="L182" s="464"/>
      <c r="M182" s="464"/>
      <c r="N182" s="464"/>
      <c r="O182" s="464"/>
      <c r="P182" s="464"/>
      <c r="Q182" s="464"/>
      <c r="R182" s="464"/>
      <c r="S182" s="465"/>
      <c r="T182" s="134"/>
      <c r="U182" s="209"/>
      <c r="V182" s="132"/>
      <c r="W182" s="132"/>
      <c r="X182" s="209"/>
      <c r="Y182" s="132"/>
      <c r="Z182" s="132"/>
      <c r="AA182" s="209"/>
      <c r="AB182" s="132"/>
      <c r="AC182" s="205"/>
      <c r="AD182" s="206"/>
      <c r="AE182" s="207"/>
      <c r="AF182" s="206" t="s">
        <v>352</v>
      </c>
      <c r="AG182" s="207"/>
      <c r="AH182" s="207"/>
      <c r="AI182" s="207"/>
      <c r="AJ182" s="207"/>
      <c r="AK182" s="207"/>
      <c r="AL182" s="207"/>
      <c r="AM182" s="207"/>
      <c r="AN182" s="207"/>
      <c r="AO182" s="207"/>
      <c r="AP182" s="207"/>
      <c r="AQ182" s="207"/>
      <c r="AR182" s="207"/>
      <c r="AS182" s="207"/>
      <c r="AT182" s="207"/>
      <c r="AU182" s="207"/>
      <c r="AV182" s="207"/>
      <c r="AW182" s="207"/>
      <c r="AX182" s="207"/>
      <c r="AY182" s="207"/>
      <c r="AZ182" s="207"/>
      <c r="BA182" s="207"/>
      <c r="BB182" s="207"/>
      <c r="BC182" s="132"/>
      <c r="BD182" s="132"/>
      <c r="BE182" s="132"/>
      <c r="BF182" s="132"/>
      <c r="BG182" s="132"/>
      <c r="BH182" s="132"/>
      <c r="BI182" s="132"/>
      <c r="BJ182" s="208"/>
      <c r="BK182" s="134"/>
      <c r="BL182" s="132"/>
      <c r="BM182" s="132"/>
      <c r="BN182" s="132"/>
    </row>
    <row r="183" spans="1:66" ht="39" customHeight="1">
      <c r="D183" s="458"/>
      <c r="E183" s="461"/>
      <c r="F183" s="461"/>
      <c r="G183" s="466"/>
      <c r="H183" s="466"/>
      <c r="I183" s="466"/>
      <c r="J183" s="466"/>
      <c r="K183" s="466"/>
      <c r="L183" s="466"/>
      <c r="M183" s="466"/>
      <c r="N183" s="466"/>
      <c r="O183" s="466"/>
      <c r="P183" s="466"/>
      <c r="Q183" s="466"/>
      <c r="R183" s="466"/>
      <c r="S183" s="467"/>
      <c r="T183" s="163"/>
      <c r="U183" s="461"/>
      <c r="V183" s="144"/>
      <c r="W183" s="144"/>
      <c r="X183" s="461"/>
      <c r="Y183" s="144"/>
      <c r="Z183" s="144"/>
      <c r="AA183" s="461"/>
      <c r="AB183" s="144"/>
      <c r="AC183" s="189"/>
      <c r="AD183" s="144"/>
      <c r="AE183" s="144"/>
      <c r="AF183" s="159" t="s">
        <v>353</v>
      </c>
      <c r="AG183" s="144"/>
      <c r="AH183" s="144"/>
      <c r="AI183" s="144"/>
      <c r="AJ183" s="144"/>
      <c r="AK183" s="144"/>
      <c r="AL183" s="144"/>
      <c r="AM183" s="144"/>
      <c r="AN183" s="144"/>
      <c r="AO183" s="144"/>
      <c r="AP183" s="144"/>
      <c r="AQ183" s="144"/>
      <c r="AR183" s="144"/>
      <c r="AS183" s="144"/>
      <c r="AT183" s="144"/>
      <c r="AU183" s="144"/>
      <c r="AV183" s="159"/>
      <c r="AW183" s="144"/>
      <c r="AX183" s="144"/>
      <c r="AY183" s="144"/>
      <c r="AZ183" s="144"/>
      <c r="BA183" s="144"/>
      <c r="BB183" s="144"/>
      <c r="BC183" s="144"/>
      <c r="BD183" s="144"/>
      <c r="BE183" s="144"/>
      <c r="BF183" s="144"/>
      <c r="BG183" s="144"/>
      <c r="BH183" s="144"/>
      <c r="BI183" s="144"/>
      <c r="BJ183" s="152"/>
      <c r="BK183" s="173"/>
      <c r="BL183" s="135"/>
      <c r="BM183" s="135"/>
      <c r="BN183" s="135"/>
    </row>
    <row r="184" spans="1:66" ht="15" customHeight="1">
      <c r="D184" s="53"/>
      <c r="E184" s="79"/>
      <c r="F184" s="471"/>
      <c r="G184" s="471"/>
      <c r="H184" s="471"/>
      <c r="I184" s="471"/>
      <c r="J184" s="471"/>
      <c r="K184" s="471"/>
      <c r="L184" s="471"/>
      <c r="M184" s="471"/>
      <c r="N184" s="471"/>
      <c r="O184" s="471"/>
      <c r="P184" s="471"/>
      <c r="Q184" s="471"/>
      <c r="R184" s="471"/>
      <c r="S184" s="471"/>
      <c r="T184" s="471"/>
      <c r="U184" s="471"/>
      <c r="V184" s="471"/>
      <c r="W184" s="471"/>
      <c r="X184" s="471"/>
      <c r="Y184" s="471"/>
      <c r="Z184" s="471"/>
      <c r="AA184" s="471"/>
      <c r="AB184" s="471"/>
      <c r="AC184" s="471"/>
      <c r="AD184" s="471"/>
      <c r="AE184" s="471"/>
      <c r="AF184" s="471"/>
      <c r="AG184" s="471"/>
      <c r="AH184" s="471"/>
      <c r="AI184" s="471"/>
      <c r="AJ184" s="471"/>
      <c r="AK184" s="471"/>
      <c r="AL184" s="471"/>
      <c r="AM184" s="471"/>
      <c r="AN184" s="471"/>
      <c r="AO184" s="471"/>
      <c r="AP184" s="471"/>
      <c r="AQ184" s="471"/>
      <c r="AR184" s="471"/>
      <c r="AS184" s="471"/>
      <c r="AT184" s="471"/>
      <c r="AU184" s="471"/>
      <c r="AV184" s="471"/>
      <c r="AW184" s="471"/>
      <c r="AX184" s="471"/>
      <c r="AY184" s="471"/>
      <c r="AZ184" s="471"/>
      <c r="BA184" s="471"/>
      <c r="BB184" s="471"/>
      <c r="BC184" s="471"/>
      <c r="BD184" s="471"/>
      <c r="BE184" s="471"/>
      <c r="BF184" s="471"/>
      <c r="BG184" s="471"/>
      <c r="BH184" s="471"/>
      <c r="BI184" s="471"/>
      <c r="BJ184" s="471"/>
      <c r="BK184" s="471"/>
      <c r="BL184" s="471"/>
      <c r="BM184" s="471"/>
      <c r="BN184" s="471"/>
    </row>
    <row r="185" spans="1:66" ht="16.5" customHeight="1">
      <c r="D185" s="50"/>
      <c r="E185" s="136"/>
      <c r="F185" s="136"/>
      <c r="G185" s="136"/>
      <c r="H185" s="136"/>
      <c r="I185" s="136"/>
      <c r="J185" s="136"/>
      <c r="K185" s="136"/>
      <c r="L185" s="135"/>
      <c r="M185" s="135"/>
      <c r="N185" s="135"/>
      <c r="O185" s="135"/>
      <c r="P185" s="135"/>
      <c r="Q185" s="135"/>
      <c r="R185" s="135"/>
      <c r="S185" s="135"/>
      <c r="BE185" s="135"/>
      <c r="BF185" s="135"/>
      <c r="BG185" s="135"/>
      <c r="BH185" s="135"/>
      <c r="BI185" s="135"/>
      <c r="BJ185" s="135"/>
    </row>
    <row r="186" spans="1:66" ht="19.5" customHeight="1">
      <c r="D186" s="136"/>
      <c r="E186" s="136"/>
      <c r="F186" s="136"/>
      <c r="G186" s="136"/>
      <c r="H186" s="136"/>
      <c r="I186" s="136"/>
      <c r="J186" s="136"/>
      <c r="K186" s="136"/>
      <c r="L186" s="135"/>
      <c r="M186" s="135"/>
      <c r="N186" s="135"/>
      <c r="O186" s="135"/>
      <c r="P186" s="135"/>
      <c r="Q186" s="135"/>
      <c r="R186" s="135"/>
      <c r="S186" s="135"/>
      <c r="BE186" s="135"/>
      <c r="BF186" s="135"/>
      <c r="BG186" s="135"/>
      <c r="BH186" s="135"/>
      <c r="BI186" s="135"/>
      <c r="BJ186" s="135"/>
    </row>
    <row r="187" spans="1:66" ht="12" customHeight="1">
      <c r="A187" s="139"/>
      <c r="P187" s="135"/>
      <c r="Q187" s="135"/>
    </row>
    <row r="188" spans="1:66" ht="21.75" customHeight="1">
      <c r="A188" s="139"/>
      <c r="D188" s="247" t="s">
        <v>363</v>
      </c>
      <c r="E188" s="247"/>
      <c r="F188" s="247"/>
      <c r="G188" s="247"/>
      <c r="H188" s="247"/>
      <c r="I188" s="247"/>
      <c r="J188" s="247"/>
      <c r="K188" s="247"/>
      <c r="L188" s="247"/>
      <c r="M188" s="247"/>
      <c r="N188" s="247"/>
      <c r="O188" s="247"/>
      <c r="P188" s="247"/>
      <c r="Q188" s="247"/>
      <c r="R188" s="247"/>
      <c r="S188" s="247"/>
      <c r="T188" s="247"/>
      <c r="U188" s="247"/>
      <c r="V188" s="247"/>
      <c r="W188" s="247"/>
      <c r="X188" s="247"/>
      <c r="Y188" s="247"/>
      <c r="Z188" s="247"/>
      <c r="AA188" s="247"/>
      <c r="AB188" s="247"/>
      <c r="AC188" s="247"/>
      <c r="AD188" s="247"/>
      <c r="AE188" s="247"/>
      <c r="AF188" s="247"/>
      <c r="AG188" s="247"/>
      <c r="AH188" s="247"/>
      <c r="AI188" s="247"/>
      <c r="AJ188" s="247"/>
      <c r="AK188" s="247"/>
      <c r="AL188" s="247"/>
      <c r="AM188" s="247"/>
      <c r="AN188" s="247"/>
      <c r="AO188" s="247"/>
      <c r="AP188" s="247"/>
      <c r="AQ188" s="247"/>
      <c r="AR188" s="247"/>
      <c r="AS188" s="247"/>
      <c r="AT188" s="247"/>
      <c r="AU188" s="247"/>
      <c r="AV188" s="247"/>
      <c r="AW188" s="247"/>
      <c r="AX188" s="247"/>
      <c r="AY188" s="247"/>
      <c r="AZ188" s="247"/>
      <c r="BA188" s="247"/>
      <c r="BB188" s="247"/>
      <c r="BC188" s="247"/>
      <c r="BD188" s="247"/>
      <c r="BE188" s="247"/>
      <c r="BF188" s="247"/>
      <c r="BG188" s="247"/>
      <c r="BH188" s="247"/>
      <c r="BI188" s="247"/>
      <c r="BJ188" s="247"/>
    </row>
    <row r="189" spans="1:66" ht="21.75" customHeight="1">
      <c r="D189" s="248" t="s">
        <v>245</v>
      </c>
      <c r="E189" s="249"/>
      <c r="F189" s="249"/>
      <c r="G189" s="249"/>
      <c r="H189" s="249"/>
      <c r="I189" s="249"/>
      <c r="J189" s="249"/>
      <c r="K189" s="249"/>
      <c r="L189" s="249"/>
      <c r="M189" s="249"/>
      <c r="N189" s="250"/>
      <c r="O189" s="248" t="s">
        <v>246</v>
      </c>
      <c r="P189" s="249"/>
      <c r="Q189" s="249"/>
      <c r="R189" s="249"/>
      <c r="S189" s="249"/>
      <c r="T189" s="249"/>
      <c r="U189" s="249"/>
      <c r="V189" s="249"/>
      <c r="W189" s="249"/>
      <c r="X189" s="249"/>
      <c r="Y189" s="249"/>
      <c r="Z189" s="250"/>
      <c r="AA189" s="254" t="s">
        <v>254</v>
      </c>
      <c r="AB189" s="255"/>
      <c r="AC189" s="256"/>
      <c r="AD189" s="223" t="s">
        <v>247</v>
      </c>
      <c r="AE189" s="224"/>
      <c r="AF189" s="224"/>
      <c r="AG189" s="224"/>
      <c r="AH189" s="224"/>
      <c r="AI189" s="224"/>
      <c r="AJ189" s="224"/>
      <c r="AK189" s="224"/>
      <c r="AL189" s="224"/>
      <c r="AM189" s="224"/>
      <c r="AN189" s="224"/>
      <c r="AO189" s="224"/>
      <c r="AP189" s="224"/>
      <c r="AQ189" s="224"/>
      <c r="AR189" s="224"/>
      <c r="AS189" s="224"/>
      <c r="AT189" s="224"/>
      <c r="AU189" s="224"/>
      <c r="AV189" s="224"/>
      <c r="AW189" s="224"/>
      <c r="AX189" s="224"/>
      <c r="AY189" s="225"/>
      <c r="AZ189" s="260" t="s">
        <v>248</v>
      </c>
      <c r="BA189" s="261"/>
      <c r="BB189" s="262"/>
      <c r="BC189" s="260" t="s">
        <v>249</v>
      </c>
      <c r="BD189" s="266"/>
      <c r="BE189" s="266"/>
      <c r="BF189" s="266"/>
      <c r="BG189" s="266"/>
      <c r="BH189" s="266"/>
      <c r="BI189" s="266"/>
      <c r="BJ189" s="267"/>
    </row>
    <row r="190" spans="1:66" ht="21.75" customHeight="1">
      <c r="D190" s="251"/>
      <c r="E190" s="252"/>
      <c r="F190" s="252"/>
      <c r="G190" s="252"/>
      <c r="H190" s="252"/>
      <c r="I190" s="252"/>
      <c r="J190" s="252"/>
      <c r="K190" s="252"/>
      <c r="L190" s="252"/>
      <c r="M190" s="252"/>
      <c r="N190" s="253"/>
      <c r="O190" s="251"/>
      <c r="P190" s="252"/>
      <c r="Q190" s="252"/>
      <c r="R190" s="252"/>
      <c r="S190" s="252"/>
      <c r="T190" s="252"/>
      <c r="U190" s="252"/>
      <c r="V190" s="252"/>
      <c r="W190" s="252"/>
      <c r="X190" s="252"/>
      <c r="Y190" s="252"/>
      <c r="Z190" s="253"/>
      <c r="AA190" s="257"/>
      <c r="AB190" s="258"/>
      <c r="AC190" s="259"/>
      <c r="AD190" s="226"/>
      <c r="AE190" s="227"/>
      <c r="AF190" s="227"/>
      <c r="AG190" s="227"/>
      <c r="AH190" s="227"/>
      <c r="AI190" s="227"/>
      <c r="AJ190" s="227"/>
      <c r="AK190" s="227"/>
      <c r="AL190" s="227"/>
      <c r="AM190" s="227"/>
      <c r="AN190" s="227"/>
      <c r="AO190" s="227"/>
      <c r="AP190" s="227"/>
      <c r="AQ190" s="227"/>
      <c r="AR190" s="227"/>
      <c r="AS190" s="227"/>
      <c r="AT190" s="227"/>
      <c r="AU190" s="227"/>
      <c r="AV190" s="227"/>
      <c r="AW190" s="227"/>
      <c r="AX190" s="227"/>
      <c r="AY190" s="228"/>
      <c r="AZ190" s="263"/>
      <c r="BA190" s="264"/>
      <c r="BB190" s="265"/>
      <c r="BC190" s="268"/>
      <c r="BD190" s="269"/>
      <c r="BE190" s="269"/>
      <c r="BF190" s="269"/>
      <c r="BG190" s="269"/>
      <c r="BH190" s="269"/>
      <c r="BI190" s="269"/>
      <c r="BJ190" s="270"/>
    </row>
    <row r="191" spans="1:66" ht="21.75" customHeight="1">
      <c r="D191" s="217" t="s">
        <v>255</v>
      </c>
      <c r="E191" s="218"/>
      <c r="F191" s="218"/>
      <c r="G191" s="218"/>
      <c r="H191" s="218"/>
      <c r="I191" s="218"/>
      <c r="J191" s="218"/>
      <c r="K191" s="218"/>
      <c r="L191" s="218"/>
      <c r="M191" s="218"/>
      <c r="N191" s="219"/>
      <c r="O191" s="217" t="s">
        <v>250</v>
      </c>
      <c r="P191" s="218"/>
      <c r="Q191" s="218"/>
      <c r="R191" s="218"/>
      <c r="S191" s="218"/>
      <c r="T191" s="218"/>
      <c r="U191" s="218"/>
      <c r="V191" s="218"/>
      <c r="W191" s="218"/>
      <c r="X191" s="218"/>
      <c r="Y191" s="218"/>
      <c r="Z191" s="219"/>
      <c r="AA191" s="223"/>
      <c r="AB191" s="224"/>
      <c r="AC191" s="225"/>
      <c r="AD191" s="229" t="s">
        <v>251</v>
      </c>
      <c r="AE191" s="230"/>
      <c r="AF191" s="230"/>
      <c r="AG191" s="230"/>
      <c r="AH191" s="230"/>
      <c r="AI191" s="230"/>
      <c r="AJ191" s="230"/>
      <c r="AK191" s="230"/>
      <c r="AL191" s="230"/>
      <c r="AM191" s="230"/>
      <c r="AN191" s="230"/>
      <c r="AO191" s="230"/>
      <c r="AP191" s="230"/>
      <c r="AQ191" s="230"/>
      <c r="AR191" s="230"/>
      <c r="AS191" s="230"/>
      <c r="AT191" s="230"/>
      <c r="AU191" s="230"/>
      <c r="AV191" s="230"/>
      <c r="AW191" s="230"/>
      <c r="AX191" s="230"/>
      <c r="AY191" s="231"/>
      <c r="AZ191" s="235" t="s">
        <v>3</v>
      </c>
      <c r="BA191" s="236"/>
      <c r="BB191" s="237"/>
      <c r="BC191" s="241" t="s">
        <v>256</v>
      </c>
      <c r="BD191" s="242"/>
      <c r="BE191" s="242"/>
      <c r="BF191" s="242"/>
      <c r="BG191" s="242"/>
      <c r="BH191" s="242"/>
      <c r="BI191" s="242"/>
      <c r="BJ191" s="243"/>
    </row>
    <row r="192" spans="1:66" ht="21.75" customHeight="1">
      <c r="D192" s="220"/>
      <c r="E192" s="221"/>
      <c r="F192" s="221"/>
      <c r="G192" s="221"/>
      <c r="H192" s="221"/>
      <c r="I192" s="221"/>
      <c r="J192" s="221"/>
      <c r="K192" s="221"/>
      <c r="L192" s="221"/>
      <c r="M192" s="221"/>
      <c r="N192" s="222"/>
      <c r="O192" s="220"/>
      <c r="P192" s="221"/>
      <c r="Q192" s="221"/>
      <c r="R192" s="221"/>
      <c r="S192" s="221"/>
      <c r="T192" s="221"/>
      <c r="U192" s="221"/>
      <c r="V192" s="221"/>
      <c r="W192" s="221"/>
      <c r="X192" s="221"/>
      <c r="Y192" s="221"/>
      <c r="Z192" s="222"/>
      <c r="AA192" s="226"/>
      <c r="AB192" s="227"/>
      <c r="AC192" s="228"/>
      <c r="AD192" s="232"/>
      <c r="AE192" s="233"/>
      <c r="AF192" s="233"/>
      <c r="AG192" s="233"/>
      <c r="AH192" s="233"/>
      <c r="AI192" s="233"/>
      <c r="AJ192" s="233"/>
      <c r="AK192" s="233"/>
      <c r="AL192" s="233"/>
      <c r="AM192" s="233"/>
      <c r="AN192" s="233"/>
      <c r="AO192" s="233"/>
      <c r="AP192" s="233"/>
      <c r="AQ192" s="233"/>
      <c r="AR192" s="233"/>
      <c r="AS192" s="233"/>
      <c r="AT192" s="233"/>
      <c r="AU192" s="233"/>
      <c r="AV192" s="233"/>
      <c r="AW192" s="233"/>
      <c r="AX192" s="233"/>
      <c r="AY192" s="234"/>
      <c r="AZ192" s="238"/>
      <c r="BA192" s="239"/>
      <c r="BB192" s="240"/>
      <c r="BC192" s="244" t="s">
        <v>252</v>
      </c>
      <c r="BD192" s="245"/>
      <c r="BE192" s="245"/>
      <c r="BF192" s="245"/>
      <c r="BG192" s="245"/>
      <c r="BH192" s="245"/>
      <c r="BI192" s="245"/>
      <c r="BJ192" s="246"/>
    </row>
    <row r="193" spans="1:133" ht="21.75" customHeight="1">
      <c r="A193" s="139"/>
      <c r="D193" s="217" t="s">
        <v>255</v>
      </c>
      <c r="E193" s="218"/>
      <c r="F193" s="218"/>
      <c r="G193" s="218"/>
      <c r="H193" s="218"/>
      <c r="I193" s="218"/>
      <c r="J193" s="218"/>
      <c r="K193" s="218"/>
      <c r="L193" s="218"/>
      <c r="M193" s="218"/>
      <c r="N193" s="219"/>
      <c r="O193" s="217" t="s">
        <v>250</v>
      </c>
      <c r="P193" s="218"/>
      <c r="Q193" s="218"/>
      <c r="R193" s="218"/>
      <c r="S193" s="218"/>
      <c r="T193" s="218"/>
      <c r="U193" s="218"/>
      <c r="V193" s="218"/>
      <c r="W193" s="218"/>
      <c r="X193" s="218"/>
      <c r="Y193" s="218"/>
      <c r="Z193" s="219"/>
      <c r="AA193" s="223"/>
      <c r="AB193" s="224"/>
      <c r="AC193" s="225"/>
      <c r="AD193" s="229" t="s">
        <v>251</v>
      </c>
      <c r="AE193" s="230"/>
      <c r="AF193" s="230"/>
      <c r="AG193" s="230"/>
      <c r="AH193" s="230"/>
      <c r="AI193" s="230"/>
      <c r="AJ193" s="230"/>
      <c r="AK193" s="230"/>
      <c r="AL193" s="230"/>
      <c r="AM193" s="230"/>
      <c r="AN193" s="230"/>
      <c r="AO193" s="230"/>
      <c r="AP193" s="230"/>
      <c r="AQ193" s="230"/>
      <c r="AR193" s="230"/>
      <c r="AS193" s="230"/>
      <c r="AT193" s="230"/>
      <c r="AU193" s="230"/>
      <c r="AV193" s="230"/>
      <c r="AW193" s="230"/>
      <c r="AX193" s="230"/>
      <c r="AY193" s="231"/>
      <c r="AZ193" s="235" t="s">
        <v>3</v>
      </c>
      <c r="BA193" s="236"/>
      <c r="BB193" s="237"/>
      <c r="BC193" s="241" t="s">
        <v>256</v>
      </c>
      <c r="BD193" s="242"/>
      <c r="BE193" s="242"/>
      <c r="BF193" s="242"/>
      <c r="BG193" s="242"/>
      <c r="BH193" s="242"/>
      <c r="BI193" s="242"/>
      <c r="BJ193" s="243"/>
    </row>
    <row r="194" spans="1:133" ht="21.75" customHeight="1">
      <c r="D194" s="220"/>
      <c r="E194" s="221"/>
      <c r="F194" s="221"/>
      <c r="G194" s="221"/>
      <c r="H194" s="221"/>
      <c r="I194" s="221"/>
      <c r="J194" s="221"/>
      <c r="K194" s="221"/>
      <c r="L194" s="221"/>
      <c r="M194" s="221"/>
      <c r="N194" s="222"/>
      <c r="O194" s="220"/>
      <c r="P194" s="221"/>
      <c r="Q194" s="221"/>
      <c r="R194" s="221"/>
      <c r="S194" s="221"/>
      <c r="T194" s="221"/>
      <c r="U194" s="221"/>
      <c r="V194" s="221"/>
      <c r="W194" s="221"/>
      <c r="X194" s="221"/>
      <c r="Y194" s="221"/>
      <c r="Z194" s="222"/>
      <c r="AA194" s="226"/>
      <c r="AB194" s="227"/>
      <c r="AC194" s="228"/>
      <c r="AD194" s="232"/>
      <c r="AE194" s="233"/>
      <c r="AF194" s="233"/>
      <c r="AG194" s="233"/>
      <c r="AH194" s="233"/>
      <c r="AI194" s="233"/>
      <c r="AJ194" s="233"/>
      <c r="AK194" s="233"/>
      <c r="AL194" s="233"/>
      <c r="AM194" s="233"/>
      <c r="AN194" s="233"/>
      <c r="AO194" s="233"/>
      <c r="AP194" s="233"/>
      <c r="AQ194" s="233"/>
      <c r="AR194" s="233"/>
      <c r="AS194" s="233"/>
      <c r="AT194" s="233"/>
      <c r="AU194" s="233"/>
      <c r="AV194" s="233"/>
      <c r="AW194" s="233"/>
      <c r="AX194" s="233"/>
      <c r="AY194" s="234"/>
      <c r="AZ194" s="238"/>
      <c r="BA194" s="239"/>
      <c r="BB194" s="240"/>
      <c r="BC194" s="244" t="s">
        <v>252</v>
      </c>
      <c r="BD194" s="245"/>
      <c r="BE194" s="245"/>
      <c r="BF194" s="245"/>
      <c r="BG194" s="245"/>
      <c r="BH194" s="245"/>
      <c r="BI194" s="245"/>
      <c r="BJ194" s="246"/>
    </row>
    <row r="195" spans="1:133" ht="21.75" customHeight="1">
      <c r="A195" s="25"/>
      <c r="D195" s="217" t="s">
        <v>255</v>
      </c>
      <c r="E195" s="218"/>
      <c r="F195" s="218"/>
      <c r="G195" s="218"/>
      <c r="H195" s="218"/>
      <c r="I195" s="218"/>
      <c r="J195" s="218"/>
      <c r="K195" s="218"/>
      <c r="L195" s="218"/>
      <c r="M195" s="218"/>
      <c r="N195" s="219"/>
      <c r="O195" s="217" t="s">
        <v>250</v>
      </c>
      <c r="P195" s="218"/>
      <c r="Q195" s="218"/>
      <c r="R195" s="218"/>
      <c r="S195" s="218"/>
      <c r="T195" s="218"/>
      <c r="U195" s="218"/>
      <c r="V195" s="218"/>
      <c r="W195" s="218"/>
      <c r="X195" s="218"/>
      <c r="Y195" s="218"/>
      <c r="Z195" s="219"/>
      <c r="AA195" s="223"/>
      <c r="AB195" s="224"/>
      <c r="AC195" s="225"/>
      <c r="AD195" s="229" t="s">
        <v>251</v>
      </c>
      <c r="AE195" s="230"/>
      <c r="AF195" s="230"/>
      <c r="AG195" s="230"/>
      <c r="AH195" s="230"/>
      <c r="AI195" s="230"/>
      <c r="AJ195" s="230"/>
      <c r="AK195" s="230"/>
      <c r="AL195" s="230"/>
      <c r="AM195" s="230"/>
      <c r="AN195" s="230"/>
      <c r="AO195" s="230"/>
      <c r="AP195" s="230"/>
      <c r="AQ195" s="230"/>
      <c r="AR195" s="230"/>
      <c r="AS195" s="230"/>
      <c r="AT195" s="230"/>
      <c r="AU195" s="230"/>
      <c r="AV195" s="230"/>
      <c r="AW195" s="230"/>
      <c r="AX195" s="230"/>
      <c r="AY195" s="231"/>
      <c r="AZ195" s="235" t="s">
        <v>3</v>
      </c>
      <c r="BA195" s="236"/>
      <c r="BB195" s="237"/>
      <c r="BC195" s="241" t="s">
        <v>256</v>
      </c>
      <c r="BD195" s="242"/>
      <c r="BE195" s="242"/>
      <c r="BF195" s="242"/>
      <c r="BG195" s="242"/>
      <c r="BH195" s="242"/>
      <c r="BI195" s="242"/>
      <c r="BJ195" s="243"/>
    </row>
    <row r="196" spans="1:133" ht="21.75" customHeight="1">
      <c r="A196" s="25"/>
      <c r="D196" s="220"/>
      <c r="E196" s="221"/>
      <c r="F196" s="221"/>
      <c r="G196" s="221"/>
      <c r="H196" s="221"/>
      <c r="I196" s="221"/>
      <c r="J196" s="221"/>
      <c r="K196" s="221"/>
      <c r="L196" s="221"/>
      <c r="M196" s="221"/>
      <c r="N196" s="222"/>
      <c r="O196" s="220"/>
      <c r="P196" s="221"/>
      <c r="Q196" s="221"/>
      <c r="R196" s="221"/>
      <c r="S196" s="221"/>
      <c r="T196" s="221"/>
      <c r="U196" s="221"/>
      <c r="V196" s="221"/>
      <c r="W196" s="221"/>
      <c r="X196" s="221"/>
      <c r="Y196" s="221"/>
      <c r="Z196" s="222"/>
      <c r="AA196" s="226"/>
      <c r="AB196" s="227"/>
      <c r="AC196" s="228"/>
      <c r="AD196" s="232"/>
      <c r="AE196" s="233"/>
      <c r="AF196" s="233"/>
      <c r="AG196" s="233"/>
      <c r="AH196" s="233"/>
      <c r="AI196" s="233"/>
      <c r="AJ196" s="233"/>
      <c r="AK196" s="233"/>
      <c r="AL196" s="233"/>
      <c r="AM196" s="233"/>
      <c r="AN196" s="233"/>
      <c r="AO196" s="233"/>
      <c r="AP196" s="233"/>
      <c r="AQ196" s="233"/>
      <c r="AR196" s="233"/>
      <c r="AS196" s="233"/>
      <c r="AT196" s="233"/>
      <c r="AU196" s="233"/>
      <c r="AV196" s="233"/>
      <c r="AW196" s="233"/>
      <c r="AX196" s="233"/>
      <c r="AY196" s="234"/>
      <c r="AZ196" s="238"/>
      <c r="BA196" s="239"/>
      <c r="BB196" s="240"/>
      <c r="BC196" s="244" t="s">
        <v>252</v>
      </c>
      <c r="BD196" s="245"/>
      <c r="BE196" s="245"/>
      <c r="BF196" s="245"/>
      <c r="BG196" s="245"/>
      <c r="BH196" s="245"/>
      <c r="BI196" s="245"/>
      <c r="BJ196" s="246"/>
    </row>
    <row r="197" spans="1:133" ht="21.75" customHeight="1">
      <c r="A197" s="139"/>
      <c r="B197" s="139"/>
      <c r="C197" s="139"/>
      <c r="D197" s="217" t="s">
        <v>255</v>
      </c>
      <c r="E197" s="218"/>
      <c r="F197" s="218"/>
      <c r="G197" s="218"/>
      <c r="H197" s="218"/>
      <c r="I197" s="218"/>
      <c r="J197" s="218"/>
      <c r="K197" s="218"/>
      <c r="L197" s="218"/>
      <c r="M197" s="218"/>
      <c r="N197" s="219"/>
      <c r="O197" s="217" t="s">
        <v>250</v>
      </c>
      <c r="P197" s="218"/>
      <c r="Q197" s="218"/>
      <c r="R197" s="218"/>
      <c r="S197" s="218"/>
      <c r="T197" s="218"/>
      <c r="U197" s="218"/>
      <c r="V197" s="218"/>
      <c r="W197" s="218"/>
      <c r="X197" s="218"/>
      <c r="Y197" s="218"/>
      <c r="Z197" s="219"/>
      <c r="AA197" s="223"/>
      <c r="AB197" s="224"/>
      <c r="AC197" s="225"/>
      <c r="AD197" s="229" t="s">
        <v>251</v>
      </c>
      <c r="AE197" s="230"/>
      <c r="AF197" s="230"/>
      <c r="AG197" s="230"/>
      <c r="AH197" s="230"/>
      <c r="AI197" s="230"/>
      <c r="AJ197" s="230"/>
      <c r="AK197" s="230"/>
      <c r="AL197" s="230"/>
      <c r="AM197" s="230"/>
      <c r="AN197" s="230"/>
      <c r="AO197" s="230"/>
      <c r="AP197" s="230"/>
      <c r="AQ197" s="230"/>
      <c r="AR197" s="230"/>
      <c r="AS197" s="230"/>
      <c r="AT197" s="230"/>
      <c r="AU197" s="230"/>
      <c r="AV197" s="230"/>
      <c r="AW197" s="230"/>
      <c r="AX197" s="230"/>
      <c r="AY197" s="231"/>
      <c r="AZ197" s="235" t="s">
        <v>3</v>
      </c>
      <c r="BA197" s="236"/>
      <c r="BB197" s="237"/>
      <c r="BC197" s="241" t="s">
        <v>256</v>
      </c>
      <c r="BD197" s="242"/>
      <c r="BE197" s="242"/>
      <c r="BF197" s="242"/>
      <c r="BG197" s="242"/>
      <c r="BH197" s="242"/>
      <c r="BI197" s="242"/>
      <c r="BJ197" s="243"/>
    </row>
    <row r="198" spans="1:133" ht="21.75" customHeight="1">
      <c r="C198" s="25"/>
      <c r="D198" s="220"/>
      <c r="E198" s="221"/>
      <c r="F198" s="221"/>
      <c r="G198" s="221"/>
      <c r="H198" s="221"/>
      <c r="I198" s="221"/>
      <c r="J198" s="221"/>
      <c r="K198" s="221"/>
      <c r="L198" s="221"/>
      <c r="M198" s="221"/>
      <c r="N198" s="222"/>
      <c r="O198" s="220"/>
      <c r="P198" s="221"/>
      <c r="Q198" s="221"/>
      <c r="R198" s="221"/>
      <c r="S198" s="221"/>
      <c r="T198" s="221"/>
      <c r="U198" s="221"/>
      <c r="V198" s="221"/>
      <c r="W198" s="221"/>
      <c r="X198" s="221"/>
      <c r="Y198" s="221"/>
      <c r="Z198" s="222"/>
      <c r="AA198" s="226"/>
      <c r="AB198" s="227"/>
      <c r="AC198" s="228"/>
      <c r="AD198" s="232"/>
      <c r="AE198" s="233"/>
      <c r="AF198" s="233"/>
      <c r="AG198" s="233"/>
      <c r="AH198" s="233"/>
      <c r="AI198" s="233"/>
      <c r="AJ198" s="233"/>
      <c r="AK198" s="233"/>
      <c r="AL198" s="233"/>
      <c r="AM198" s="233"/>
      <c r="AN198" s="233"/>
      <c r="AO198" s="233"/>
      <c r="AP198" s="233"/>
      <c r="AQ198" s="233"/>
      <c r="AR198" s="233"/>
      <c r="AS198" s="233"/>
      <c r="AT198" s="233"/>
      <c r="AU198" s="233"/>
      <c r="AV198" s="233"/>
      <c r="AW198" s="233"/>
      <c r="AX198" s="233"/>
      <c r="AY198" s="234"/>
      <c r="AZ198" s="238"/>
      <c r="BA198" s="239"/>
      <c r="BB198" s="240"/>
      <c r="BC198" s="244" t="s">
        <v>252</v>
      </c>
      <c r="BD198" s="245"/>
      <c r="BE198" s="245"/>
      <c r="BF198" s="245"/>
      <c r="BG198" s="245"/>
      <c r="BH198" s="245"/>
      <c r="BI198" s="245"/>
      <c r="BJ198" s="246"/>
    </row>
    <row r="199" spans="1:133" ht="21.75" customHeight="1">
      <c r="D199" s="217" t="s">
        <v>255</v>
      </c>
      <c r="E199" s="218"/>
      <c r="F199" s="218"/>
      <c r="G199" s="218"/>
      <c r="H199" s="218"/>
      <c r="I199" s="218"/>
      <c r="J199" s="218"/>
      <c r="K199" s="218"/>
      <c r="L199" s="218"/>
      <c r="M199" s="218"/>
      <c r="N199" s="219"/>
      <c r="O199" s="217" t="s">
        <v>250</v>
      </c>
      <c r="P199" s="218"/>
      <c r="Q199" s="218"/>
      <c r="R199" s="218"/>
      <c r="S199" s="218"/>
      <c r="T199" s="218"/>
      <c r="U199" s="218"/>
      <c r="V199" s="218"/>
      <c r="W199" s="218"/>
      <c r="X199" s="218"/>
      <c r="Y199" s="218"/>
      <c r="Z199" s="219"/>
      <c r="AA199" s="223"/>
      <c r="AB199" s="224"/>
      <c r="AC199" s="225"/>
      <c r="AD199" s="229" t="s">
        <v>251</v>
      </c>
      <c r="AE199" s="230"/>
      <c r="AF199" s="230"/>
      <c r="AG199" s="230"/>
      <c r="AH199" s="230"/>
      <c r="AI199" s="230"/>
      <c r="AJ199" s="230"/>
      <c r="AK199" s="230"/>
      <c r="AL199" s="230"/>
      <c r="AM199" s="230"/>
      <c r="AN199" s="230"/>
      <c r="AO199" s="230"/>
      <c r="AP199" s="230"/>
      <c r="AQ199" s="230"/>
      <c r="AR199" s="230"/>
      <c r="AS199" s="230"/>
      <c r="AT199" s="230"/>
      <c r="AU199" s="230"/>
      <c r="AV199" s="230"/>
      <c r="AW199" s="230"/>
      <c r="AX199" s="230"/>
      <c r="AY199" s="231"/>
      <c r="AZ199" s="235" t="s">
        <v>3</v>
      </c>
      <c r="BA199" s="236"/>
      <c r="BB199" s="237"/>
      <c r="BC199" s="241" t="s">
        <v>256</v>
      </c>
      <c r="BD199" s="242"/>
      <c r="BE199" s="242"/>
      <c r="BF199" s="242"/>
      <c r="BG199" s="242"/>
      <c r="BH199" s="242"/>
      <c r="BI199" s="242"/>
      <c r="BJ199" s="243"/>
    </row>
    <row r="200" spans="1:133" ht="21.75" customHeight="1">
      <c r="D200" s="220"/>
      <c r="E200" s="221"/>
      <c r="F200" s="221"/>
      <c r="G200" s="221"/>
      <c r="H200" s="221"/>
      <c r="I200" s="221"/>
      <c r="J200" s="221"/>
      <c r="K200" s="221"/>
      <c r="L200" s="221"/>
      <c r="M200" s="221"/>
      <c r="N200" s="222"/>
      <c r="O200" s="220"/>
      <c r="P200" s="221"/>
      <c r="Q200" s="221"/>
      <c r="R200" s="221"/>
      <c r="S200" s="221"/>
      <c r="T200" s="221"/>
      <c r="U200" s="221"/>
      <c r="V200" s="221"/>
      <c r="W200" s="221"/>
      <c r="X200" s="221"/>
      <c r="Y200" s="221"/>
      <c r="Z200" s="222"/>
      <c r="AA200" s="226"/>
      <c r="AB200" s="227"/>
      <c r="AC200" s="228"/>
      <c r="AD200" s="232"/>
      <c r="AE200" s="233"/>
      <c r="AF200" s="233"/>
      <c r="AG200" s="233"/>
      <c r="AH200" s="233"/>
      <c r="AI200" s="233"/>
      <c r="AJ200" s="233"/>
      <c r="AK200" s="233"/>
      <c r="AL200" s="233"/>
      <c r="AM200" s="233"/>
      <c r="AN200" s="233"/>
      <c r="AO200" s="233"/>
      <c r="AP200" s="233"/>
      <c r="AQ200" s="233"/>
      <c r="AR200" s="233"/>
      <c r="AS200" s="233"/>
      <c r="AT200" s="233"/>
      <c r="AU200" s="233"/>
      <c r="AV200" s="233"/>
      <c r="AW200" s="233"/>
      <c r="AX200" s="233"/>
      <c r="AY200" s="234"/>
      <c r="AZ200" s="238"/>
      <c r="BA200" s="239"/>
      <c r="BB200" s="240"/>
      <c r="BC200" s="244" t="s">
        <v>252</v>
      </c>
      <c r="BD200" s="245"/>
      <c r="BE200" s="245"/>
      <c r="BF200" s="245"/>
      <c r="BG200" s="245"/>
      <c r="BH200" s="245"/>
      <c r="BI200" s="245"/>
      <c r="BJ200" s="246"/>
    </row>
    <row r="201" spans="1:133" ht="21.75" customHeight="1">
      <c r="D201" s="217" t="s">
        <v>255</v>
      </c>
      <c r="E201" s="218"/>
      <c r="F201" s="218"/>
      <c r="G201" s="218"/>
      <c r="H201" s="218"/>
      <c r="I201" s="218"/>
      <c r="J201" s="218"/>
      <c r="K201" s="218"/>
      <c r="L201" s="218"/>
      <c r="M201" s="218"/>
      <c r="N201" s="219"/>
      <c r="O201" s="217" t="s">
        <v>250</v>
      </c>
      <c r="P201" s="218"/>
      <c r="Q201" s="218"/>
      <c r="R201" s="218"/>
      <c r="S201" s="218"/>
      <c r="T201" s="218"/>
      <c r="U201" s="218"/>
      <c r="V201" s="218"/>
      <c r="W201" s="218"/>
      <c r="X201" s="218"/>
      <c r="Y201" s="218"/>
      <c r="Z201" s="219"/>
      <c r="AA201" s="223"/>
      <c r="AB201" s="224"/>
      <c r="AC201" s="225"/>
      <c r="AD201" s="229" t="s">
        <v>251</v>
      </c>
      <c r="AE201" s="230"/>
      <c r="AF201" s="230"/>
      <c r="AG201" s="230"/>
      <c r="AH201" s="230"/>
      <c r="AI201" s="230"/>
      <c r="AJ201" s="230"/>
      <c r="AK201" s="230"/>
      <c r="AL201" s="230"/>
      <c r="AM201" s="230"/>
      <c r="AN201" s="230"/>
      <c r="AO201" s="230"/>
      <c r="AP201" s="230"/>
      <c r="AQ201" s="230"/>
      <c r="AR201" s="230"/>
      <c r="AS201" s="230"/>
      <c r="AT201" s="230"/>
      <c r="AU201" s="230"/>
      <c r="AV201" s="230"/>
      <c r="AW201" s="230"/>
      <c r="AX201" s="230"/>
      <c r="AY201" s="231"/>
      <c r="AZ201" s="235" t="s">
        <v>3</v>
      </c>
      <c r="BA201" s="236"/>
      <c r="BB201" s="237"/>
      <c r="BC201" s="241" t="s">
        <v>256</v>
      </c>
      <c r="BD201" s="242"/>
      <c r="BE201" s="242"/>
      <c r="BF201" s="242"/>
      <c r="BG201" s="242"/>
      <c r="BH201" s="242"/>
      <c r="BI201" s="242"/>
      <c r="BJ201" s="243"/>
    </row>
    <row r="202" spans="1:133" ht="21.75" customHeight="1">
      <c r="D202" s="220"/>
      <c r="E202" s="221"/>
      <c r="F202" s="221"/>
      <c r="G202" s="221"/>
      <c r="H202" s="221"/>
      <c r="I202" s="221"/>
      <c r="J202" s="221"/>
      <c r="K202" s="221"/>
      <c r="L202" s="221"/>
      <c r="M202" s="221"/>
      <c r="N202" s="222"/>
      <c r="O202" s="220"/>
      <c r="P202" s="221"/>
      <c r="Q202" s="221"/>
      <c r="R202" s="221"/>
      <c r="S202" s="221"/>
      <c r="T202" s="221"/>
      <c r="U202" s="221"/>
      <c r="V202" s="221"/>
      <c r="W202" s="221"/>
      <c r="X202" s="221"/>
      <c r="Y202" s="221"/>
      <c r="Z202" s="222"/>
      <c r="AA202" s="226"/>
      <c r="AB202" s="227"/>
      <c r="AC202" s="228"/>
      <c r="AD202" s="232"/>
      <c r="AE202" s="233"/>
      <c r="AF202" s="233"/>
      <c r="AG202" s="233"/>
      <c r="AH202" s="233"/>
      <c r="AI202" s="233"/>
      <c r="AJ202" s="233"/>
      <c r="AK202" s="233"/>
      <c r="AL202" s="233"/>
      <c r="AM202" s="233"/>
      <c r="AN202" s="233"/>
      <c r="AO202" s="233"/>
      <c r="AP202" s="233"/>
      <c r="AQ202" s="233"/>
      <c r="AR202" s="233"/>
      <c r="AS202" s="233"/>
      <c r="AT202" s="233"/>
      <c r="AU202" s="233"/>
      <c r="AV202" s="233"/>
      <c r="AW202" s="233"/>
      <c r="AX202" s="233"/>
      <c r="AY202" s="234"/>
      <c r="AZ202" s="238"/>
      <c r="BA202" s="239"/>
      <c r="BB202" s="240"/>
      <c r="BC202" s="244" t="s">
        <v>252</v>
      </c>
      <c r="BD202" s="245"/>
      <c r="BE202" s="245"/>
      <c r="BF202" s="245"/>
      <c r="BG202" s="245"/>
      <c r="BH202" s="245"/>
      <c r="BI202" s="245"/>
      <c r="BJ202" s="246"/>
    </row>
    <row r="203" spans="1:133" ht="21.75" customHeight="1">
      <c r="D203" s="217" t="s">
        <v>255</v>
      </c>
      <c r="E203" s="218"/>
      <c r="F203" s="218"/>
      <c r="G203" s="218"/>
      <c r="H203" s="218"/>
      <c r="I203" s="218"/>
      <c r="J203" s="218"/>
      <c r="K203" s="218"/>
      <c r="L203" s="218"/>
      <c r="M203" s="218"/>
      <c r="N203" s="219"/>
      <c r="O203" s="217" t="s">
        <v>250</v>
      </c>
      <c r="P203" s="218"/>
      <c r="Q203" s="218"/>
      <c r="R203" s="218"/>
      <c r="S203" s="218"/>
      <c r="T203" s="218"/>
      <c r="U203" s="218"/>
      <c r="V203" s="218"/>
      <c r="W203" s="218"/>
      <c r="X203" s="218"/>
      <c r="Y203" s="218"/>
      <c r="Z203" s="219"/>
      <c r="AA203" s="223"/>
      <c r="AB203" s="224"/>
      <c r="AC203" s="225"/>
      <c r="AD203" s="229" t="s">
        <v>251</v>
      </c>
      <c r="AE203" s="230"/>
      <c r="AF203" s="230"/>
      <c r="AG203" s="230"/>
      <c r="AH203" s="230"/>
      <c r="AI203" s="230"/>
      <c r="AJ203" s="230"/>
      <c r="AK203" s="230"/>
      <c r="AL203" s="230"/>
      <c r="AM203" s="230"/>
      <c r="AN203" s="230"/>
      <c r="AO203" s="230"/>
      <c r="AP203" s="230"/>
      <c r="AQ203" s="230"/>
      <c r="AR203" s="230"/>
      <c r="AS203" s="230"/>
      <c r="AT203" s="230"/>
      <c r="AU203" s="230"/>
      <c r="AV203" s="230"/>
      <c r="AW203" s="230"/>
      <c r="AX203" s="230"/>
      <c r="AY203" s="231"/>
      <c r="AZ203" s="235" t="s">
        <v>3</v>
      </c>
      <c r="BA203" s="236"/>
      <c r="BB203" s="237"/>
      <c r="BC203" s="241" t="s">
        <v>256</v>
      </c>
      <c r="BD203" s="242"/>
      <c r="BE203" s="242"/>
      <c r="BF203" s="242"/>
      <c r="BG203" s="242"/>
      <c r="BH203" s="242"/>
      <c r="BI203" s="242"/>
      <c r="BJ203" s="243"/>
    </row>
    <row r="204" spans="1:133" ht="21.75" customHeight="1">
      <c r="D204" s="220"/>
      <c r="E204" s="221"/>
      <c r="F204" s="221"/>
      <c r="G204" s="221"/>
      <c r="H204" s="221"/>
      <c r="I204" s="221"/>
      <c r="J204" s="221"/>
      <c r="K204" s="221"/>
      <c r="L204" s="221"/>
      <c r="M204" s="221"/>
      <c r="N204" s="222"/>
      <c r="O204" s="220"/>
      <c r="P204" s="221"/>
      <c r="Q204" s="221"/>
      <c r="R204" s="221"/>
      <c r="S204" s="221"/>
      <c r="T204" s="221"/>
      <c r="U204" s="221"/>
      <c r="V204" s="221"/>
      <c r="W204" s="221"/>
      <c r="X204" s="221"/>
      <c r="Y204" s="221"/>
      <c r="Z204" s="222"/>
      <c r="AA204" s="226"/>
      <c r="AB204" s="227"/>
      <c r="AC204" s="228"/>
      <c r="AD204" s="232"/>
      <c r="AE204" s="233"/>
      <c r="AF204" s="233"/>
      <c r="AG204" s="233"/>
      <c r="AH204" s="233"/>
      <c r="AI204" s="233"/>
      <c r="AJ204" s="233"/>
      <c r="AK204" s="233"/>
      <c r="AL204" s="233"/>
      <c r="AM204" s="233"/>
      <c r="AN204" s="233"/>
      <c r="AO204" s="233"/>
      <c r="AP204" s="233"/>
      <c r="AQ204" s="233"/>
      <c r="AR204" s="233"/>
      <c r="AS204" s="233"/>
      <c r="AT204" s="233"/>
      <c r="AU204" s="233"/>
      <c r="AV204" s="233"/>
      <c r="AW204" s="233"/>
      <c r="AX204" s="233"/>
      <c r="AY204" s="234"/>
      <c r="AZ204" s="238"/>
      <c r="BA204" s="239"/>
      <c r="BB204" s="240"/>
      <c r="BC204" s="244" t="s">
        <v>252</v>
      </c>
      <c r="BD204" s="245"/>
      <c r="BE204" s="245"/>
      <c r="BF204" s="245"/>
      <c r="BG204" s="245"/>
      <c r="BH204" s="245"/>
      <c r="BI204" s="245"/>
      <c r="BJ204" s="246"/>
    </row>
    <row r="205" spans="1:133" ht="21.75" customHeight="1">
      <c r="D205" s="217" t="s">
        <v>255</v>
      </c>
      <c r="E205" s="218"/>
      <c r="F205" s="218"/>
      <c r="G205" s="218"/>
      <c r="H205" s="218"/>
      <c r="I205" s="218"/>
      <c r="J205" s="218"/>
      <c r="K205" s="218"/>
      <c r="L205" s="218"/>
      <c r="M205" s="218"/>
      <c r="N205" s="219"/>
      <c r="O205" s="217" t="s">
        <v>250</v>
      </c>
      <c r="P205" s="218"/>
      <c r="Q205" s="218"/>
      <c r="R205" s="218"/>
      <c r="S205" s="218"/>
      <c r="T205" s="218"/>
      <c r="U205" s="218"/>
      <c r="V205" s="218"/>
      <c r="W205" s="218"/>
      <c r="X205" s="218"/>
      <c r="Y205" s="218"/>
      <c r="Z205" s="219"/>
      <c r="AA205" s="223"/>
      <c r="AB205" s="224"/>
      <c r="AC205" s="225"/>
      <c r="AD205" s="229" t="s">
        <v>251</v>
      </c>
      <c r="AE205" s="230"/>
      <c r="AF205" s="230"/>
      <c r="AG205" s="230"/>
      <c r="AH205" s="230"/>
      <c r="AI205" s="230"/>
      <c r="AJ205" s="230"/>
      <c r="AK205" s="230"/>
      <c r="AL205" s="230"/>
      <c r="AM205" s="230"/>
      <c r="AN205" s="230"/>
      <c r="AO205" s="230"/>
      <c r="AP205" s="230"/>
      <c r="AQ205" s="230"/>
      <c r="AR205" s="230"/>
      <c r="AS205" s="230"/>
      <c r="AT205" s="230"/>
      <c r="AU205" s="230"/>
      <c r="AV205" s="230"/>
      <c r="AW205" s="230"/>
      <c r="AX205" s="230"/>
      <c r="AY205" s="231"/>
      <c r="AZ205" s="235" t="s">
        <v>3</v>
      </c>
      <c r="BA205" s="236"/>
      <c r="BB205" s="237"/>
      <c r="BC205" s="241" t="s">
        <v>256</v>
      </c>
      <c r="BD205" s="242"/>
      <c r="BE205" s="242"/>
      <c r="BF205" s="242"/>
      <c r="BG205" s="242"/>
      <c r="BH205" s="242"/>
      <c r="BI205" s="242"/>
      <c r="BJ205" s="243"/>
    </row>
    <row r="206" spans="1:133" ht="21.75" customHeight="1">
      <c r="D206" s="220"/>
      <c r="E206" s="221"/>
      <c r="F206" s="221"/>
      <c r="G206" s="221"/>
      <c r="H206" s="221"/>
      <c r="I206" s="221"/>
      <c r="J206" s="221"/>
      <c r="K206" s="221"/>
      <c r="L206" s="221"/>
      <c r="M206" s="221"/>
      <c r="N206" s="222"/>
      <c r="O206" s="220"/>
      <c r="P206" s="221"/>
      <c r="Q206" s="221"/>
      <c r="R206" s="221"/>
      <c r="S206" s="221"/>
      <c r="T206" s="221"/>
      <c r="U206" s="221"/>
      <c r="V206" s="221"/>
      <c r="W206" s="221"/>
      <c r="X206" s="221"/>
      <c r="Y206" s="221"/>
      <c r="Z206" s="222"/>
      <c r="AA206" s="226"/>
      <c r="AB206" s="227"/>
      <c r="AC206" s="228"/>
      <c r="AD206" s="232"/>
      <c r="AE206" s="233"/>
      <c r="AF206" s="233"/>
      <c r="AG206" s="233"/>
      <c r="AH206" s="233"/>
      <c r="AI206" s="233"/>
      <c r="AJ206" s="233"/>
      <c r="AK206" s="233"/>
      <c r="AL206" s="233"/>
      <c r="AM206" s="233"/>
      <c r="AN206" s="233"/>
      <c r="AO206" s="233"/>
      <c r="AP206" s="233"/>
      <c r="AQ206" s="233"/>
      <c r="AR206" s="233"/>
      <c r="AS206" s="233"/>
      <c r="AT206" s="233"/>
      <c r="AU206" s="233"/>
      <c r="AV206" s="233"/>
      <c r="AW206" s="233"/>
      <c r="AX206" s="233"/>
      <c r="AY206" s="234"/>
      <c r="AZ206" s="238"/>
      <c r="BA206" s="239"/>
      <c r="BB206" s="240"/>
      <c r="BC206" s="244" t="s">
        <v>252</v>
      </c>
      <c r="BD206" s="245"/>
      <c r="BE206" s="245"/>
      <c r="BF206" s="245"/>
      <c r="BG206" s="245"/>
      <c r="BH206" s="245"/>
      <c r="BI206" s="245"/>
      <c r="BJ206" s="246"/>
    </row>
    <row r="207" spans="1:133" ht="21.75" customHeight="1">
      <c r="D207" s="217" t="s">
        <v>255</v>
      </c>
      <c r="E207" s="218"/>
      <c r="F207" s="218"/>
      <c r="G207" s="218"/>
      <c r="H207" s="218"/>
      <c r="I207" s="218"/>
      <c r="J207" s="218"/>
      <c r="K207" s="218"/>
      <c r="L207" s="218"/>
      <c r="M207" s="218"/>
      <c r="N207" s="219"/>
      <c r="O207" s="217" t="s">
        <v>250</v>
      </c>
      <c r="P207" s="218"/>
      <c r="Q207" s="218"/>
      <c r="R207" s="218"/>
      <c r="S207" s="218"/>
      <c r="T207" s="218"/>
      <c r="U207" s="218"/>
      <c r="V207" s="218"/>
      <c r="W207" s="218"/>
      <c r="X207" s="218"/>
      <c r="Y207" s="218"/>
      <c r="Z207" s="219"/>
      <c r="AA207" s="223"/>
      <c r="AB207" s="224"/>
      <c r="AC207" s="225"/>
      <c r="AD207" s="229" t="s">
        <v>251</v>
      </c>
      <c r="AE207" s="230"/>
      <c r="AF207" s="230"/>
      <c r="AG207" s="230"/>
      <c r="AH207" s="230"/>
      <c r="AI207" s="230"/>
      <c r="AJ207" s="230"/>
      <c r="AK207" s="230"/>
      <c r="AL207" s="230"/>
      <c r="AM207" s="230"/>
      <c r="AN207" s="230"/>
      <c r="AO207" s="230"/>
      <c r="AP207" s="230"/>
      <c r="AQ207" s="230"/>
      <c r="AR207" s="230"/>
      <c r="AS207" s="230"/>
      <c r="AT207" s="230"/>
      <c r="AU207" s="230"/>
      <c r="AV207" s="230"/>
      <c r="AW207" s="230"/>
      <c r="AX207" s="230"/>
      <c r="AY207" s="231"/>
      <c r="AZ207" s="235" t="s">
        <v>3</v>
      </c>
      <c r="BA207" s="236"/>
      <c r="BB207" s="237"/>
      <c r="BC207" s="241" t="s">
        <v>256</v>
      </c>
      <c r="BD207" s="242"/>
      <c r="BE207" s="242"/>
      <c r="BF207" s="242"/>
      <c r="BG207" s="242"/>
      <c r="BH207" s="242"/>
      <c r="BI207" s="242"/>
      <c r="BJ207" s="243"/>
    </row>
    <row r="208" spans="1:133" ht="21.75" customHeight="1">
      <c r="D208" s="220"/>
      <c r="E208" s="221"/>
      <c r="F208" s="221"/>
      <c r="G208" s="221"/>
      <c r="H208" s="221"/>
      <c r="I208" s="221"/>
      <c r="J208" s="221"/>
      <c r="K208" s="221"/>
      <c r="L208" s="221"/>
      <c r="M208" s="221"/>
      <c r="N208" s="222"/>
      <c r="O208" s="220"/>
      <c r="P208" s="221"/>
      <c r="Q208" s="221"/>
      <c r="R208" s="221"/>
      <c r="S208" s="221"/>
      <c r="T208" s="221"/>
      <c r="U208" s="221"/>
      <c r="V208" s="221"/>
      <c r="W208" s="221"/>
      <c r="X208" s="221"/>
      <c r="Y208" s="221"/>
      <c r="Z208" s="222"/>
      <c r="AA208" s="226"/>
      <c r="AB208" s="227"/>
      <c r="AC208" s="228"/>
      <c r="AD208" s="232"/>
      <c r="AE208" s="233"/>
      <c r="AF208" s="233"/>
      <c r="AG208" s="233"/>
      <c r="AH208" s="233"/>
      <c r="AI208" s="233"/>
      <c r="AJ208" s="233"/>
      <c r="AK208" s="233"/>
      <c r="AL208" s="233"/>
      <c r="AM208" s="233"/>
      <c r="AN208" s="233"/>
      <c r="AO208" s="233"/>
      <c r="AP208" s="233"/>
      <c r="AQ208" s="233"/>
      <c r="AR208" s="233"/>
      <c r="AS208" s="233"/>
      <c r="AT208" s="233"/>
      <c r="AU208" s="233"/>
      <c r="AV208" s="233"/>
      <c r="AW208" s="233"/>
      <c r="AX208" s="233"/>
      <c r="AY208" s="234"/>
      <c r="AZ208" s="238"/>
      <c r="BA208" s="239"/>
      <c r="BB208" s="240"/>
      <c r="BC208" s="244" t="s">
        <v>252</v>
      </c>
      <c r="BD208" s="245"/>
      <c r="BE208" s="245"/>
      <c r="BF208" s="245"/>
      <c r="BG208" s="245"/>
      <c r="BH208" s="245"/>
      <c r="BI208" s="245"/>
      <c r="BJ208" s="246"/>
      <c r="BS208" s="142"/>
      <c r="BT208" s="142"/>
      <c r="BU208" s="142"/>
      <c r="BV208" s="142"/>
      <c r="BW208" s="142"/>
      <c r="BX208" s="142"/>
      <c r="BY208" s="142"/>
      <c r="BZ208" s="142"/>
      <c r="CA208" s="142"/>
      <c r="CB208" s="142"/>
      <c r="CC208" s="142"/>
      <c r="CD208" s="142"/>
      <c r="CE208" s="142"/>
      <c r="CF208" s="142"/>
      <c r="CG208" s="142"/>
      <c r="CH208" s="142"/>
      <c r="CI208" s="142"/>
      <c r="CJ208" s="142"/>
      <c r="CK208" s="142"/>
      <c r="CL208" s="142"/>
      <c r="CM208" s="142"/>
      <c r="CN208" s="142"/>
      <c r="CO208" s="142"/>
      <c r="CP208" s="142"/>
      <c r="CQ208" s="142"/>
      <c r="CR208" s="142"/>
      <c r="CS208" s="142"/>
      <c r="CT208" s="142"/>
      <c r="CU208" s="142"/>
      <c r="CV208" s="142"/>
      <c r="CW208" s="142"/>
      <c r="CX208" s="142"/>
      <c r="CY208" s="142"/>
      <c r="CZ208" s="142"/>
      <c r="DA208" s="142"/>
      <c r="DB208" s="142"/>
      <c r="DC208" s="142"/>
      <c r="DD208" s="142"/>
      <c r="DE208" s="142"/>
      <c r="DF208" s="142"/>
      <c r="DG208" s="142"/>
      <c r="DH208" s="142"/>
      <c r="DI208" s="142"/>
      <c r="DJ208" s="142"/>
      <c r="DK208" s="142"/>
      <c r="DL208" s="142"/>
      <c r="DM208" s="142"/>
      <c r="DN208" s="142"/>
      <c r="DO208" s="142"/>
      <c r="DP208" s="142"/>
      <c r="DQ208" s="142"/>
      <c r="DR208" s="142"/>
      <c r="DS208" s="142"/>
      <c r="DT208" s="142"/>
      <c r="DU208" s="142"/>
      <c r="DV208" s="142"/>
      <c r="DW208" s="142"/>
      <c r="DX208" s="142"/>
      <c r="DY208" s="142"/>
      <c r="DZ208" s="142"/>
      <c r="EA208" s="142"/>
      <c r="EB208" s="142"/>
      <c r="EC208" s="142"/>
    </row>
    <row r="209" spans="1:133" ht="21.75" customHeight="1">
      <c r="D209" s="217" t="s">
        <v>255</v>
      </c>
      <c r="E209" s="218"/>
      <c r="F209" s="218"/>
      <c r="G209" s="218"/>
      <c r="H209" s="218"/>
      <c r="I209" s="218"/>
      <c r="J209" s="218"/>
      <c r="K209" s="218"/>
      <c r="L209" s="218"/>
      <c r="M209" s="218"/>
      <c r="N209" s="219"/>
      <c r="O209" s="217" t="s">
        <v>250</v>
      </c>
      <c r="P209" s="218"/>
      <c r="Q209" s="218"/>
      <c r="R209" s="218"/>
      <c r="S209" s="218"/>
      <c r="T209" s="218"/>
      <c r="U209" s="218"/>
      <c r="V209" s="218"/>
      <c r="W209" s="218"/>
      <c r="X209" s="218"/>
      <c r="Y209" s="218"/>
      <c r="Z209" s="219"/>
      <c r="AA209" s="223"/>
      <c r="AB209" s="224"/>
      <c r="AC209" s="225"/>
      <c r="AD209" s="229" t="s">
        <v>251</v>
      </c>
      <c r="AE209" s="230"/>
      <c r="AF209" s="230"/>
      <c r="AG209" s="230"/>
      <c r="AH209" s="230"/>
      <c r="AI209" s="230"/>
      <c r="AJ209" s="230"/>
      <c r="AK209" s="230"/>
      <c r="AL209" s="230"/>
      <c r="AM209" s="230"/>
      <c r="AN209" s="230"/>
      <c r="AO209" s="230"/>
      <c r="AP209" s="230"/>
      <c r="AQ209" s="230"/>
      <c r="AR209" s="230"/>
      <c r="AS209" s="230"/>
      <c r="AT209" s="230"/>
      <c r="AU209" s="230"/>
      <c r="AV209" s="230"/>
      <c r="AW209" s="230"/>
      <c r="AX209" s="230"/>
      <c r="AY209" s="231"/>
      <c r="AZ209" s="235" t="s">
        <v>3</v>
      </c>
      <c r="BA209" s="236"/>
      <c r="BB209" s="237"/>
      <c r="BC209" s="241" t="s">
        <v>256</v>
      </c>
      <c r="BD209" s="242"/>
      <c r="BE209" s="242"/>
      <c r="BF209" s="242"/>
      <c r="BG209" s="242"/>
      <c r="BH209" s="242"/>
      <c r="BI209" s="242"/>
      <c r="BJ209" s="243"/>
    </row>
    <row r="210" spans="1:133" ht="21.75" customHeight="1">
      <c r="D210" s="220"/>
      <c r="E210" s="221"/>
      <c r="F210" s="221"/>
      <c r="G210" s="221"/>
      <c r="H210" s="221"/>
      <c r="I210" s="221"/>
      <c r="J210" s="221"/>
      <c r="K210" s="221"/>
      <c r="L210" s="221"/>
      <c r="M210" s="221"/>
      <c r="N210" s="222"/>
      <c r="O210" s="220"/>
      <c r="P210" s="221"/>
      <c r="Q210" s="221"/>
      <c r="R210" s="221"/>
      <c r="S210" s="221"/>
      <c r="T210" s="221"/>
      <c r="U210" s="221"/>
      <c r="V210" s="221"/>
      <c r="W210" s="221"/>
      <c r="X210" s="221"/>
      <c r="Y210" s="221"/>
      <c r="Z210" s="222"/>
      <c r="AA210" s="226"/>
      <c r="AB210" s="227"/>
      <c r="AC210" s="228"/>
      <c r="AD210" s="232"/>
      <c r="AE210" s="233"/>
      <c r="AF210" s="233"/>
      <c r="AG210" s="233"/>
      <c r="AH210" s="233"/>
      <c r="AI210" s="233"/>
      <c r="AJ210" s="233"/>
      <c r="AK210" s="233"/>
      <c r="AL210" s="233"/>
      <c r="AM210" s="233"/>
      <c r="AN210" s="233"/>
      <c r="AO210" s="233"/>
      <c r="AP210" s="233"/>
      <c r="AQ210" s="233"/>
      <c r="AR210" s="233"/>
      <c r="AS210" s="233"/>
      <c r="AT210" s="233"/>
      <c r="AU210" s="233"/>
      <c r="AV210" s="233"/>
      <c r="AW210" s="233"/>
      <c r="AX210" s="233"/>
      <c r="AY210" s="234"/>
      <c r="AZ210" s="238"/>
      <c r="BA210" s="239"/>
      <c r="BB210" s="240"/>
      <c r="BC210" s="244" t="s">
        <v>252</v>
      </c>
      <c r="BD210" s="245"/>
      <c r="BE210" s="245"/>
      <c r="BF210" s="245"/>
      <c r="BG210" s="245"/>
      <c r="BH210" s="245"/>
      <c r="BI210" s="245"/>
      <c r="BJ210" s="246"/>
      <c r="BS210" s="142"/>
      <c r="BT210" s="142"/>
      <c r="BU210" s="142"/>
      <c r="BV210" s="142"/>
      <c r="BW210" s="142"/>
      <c r="BX210" s="142"/>
      <c r="BY210" s="142"/>
      <c r="BZ210" s="142"/>
      <c r="CA210" s="142"/>
      <c r="CB210" s="142"/>
      <c r="CC210" s="142"/>
      <c r="CD210" s="142"/>
      <c r="CE210" s="142"/>
      <c r="CF210" s="142"/>
      <c r="CG210" s="142"/>
      <c r="CH210" s="142"/>
      <c r="CI210" s="142"/>
      <c r="CJ210" s="142"/>
      <c r="CK210" s="142"/>
      <c r="CL210" s="142"/>
      <c r="CM210" s="142"/>
      <c r="CN210" s="142"/>
      <c r="CO210" s="142"/>
      <c r="CP210" s="142"/>
      <c r="CQ210" s="142"/>
      <c r="CR210" s="142"/>
      <c r="CS210" s="142"/>
      <c r="CT210" s="142"/>
      <c r="CU210" s="142"/>
      <c r="CV210" s="142"/>
      <c r="CW210" s="142"/>
      <c r="CX210" s="142"/>
      <c r="CY210" s="142"/>
      <c r="CZ210" s="142"/>
      <c r="DA210" s="142"/>
      <c r="DB210" s="142"/>
      <c r="DC210" s="142"/>
      <c r="DD210" s="142"/>
      <c r="DE210" s="142"/>
      <c r="DF210" s="142"/>
      <c r="DG210" s="142"/>
      <c r="DH210" s="142"/>
      <c r="DI210" s="142"/>
      <c r="DJ210" s="142"/>
      <c r="DK210" s="142"/>
      <c r="DL210" s="142"/>
      <c r="DM210" s="142"/>
      <c r="DN210" s="142"/>
      <c r="DO210" s="142"/>
      <c r="DP210" s="142"/>
      <c r="DQ210" s="142"/>
      <c r="DR210" s="142"/>
      <c r="DS210" s="142"/>
      <c r="DT210" s="142"/>
      <c r="DU210" s="142"/>
      <c r="DV210" s="142"/>
      <c r="DW210" s="142"/>
      <c r="DX210" s="142"/>
      <c r="DY210" s="142"/>
      <c r="DZ210" s="142"/>
      <c r="EA210" s="142"/>
      <c r="EB210" s="142"/>
      <c r="EC210" s="142"/>
    </row>
    <row r="211" spans="1:133" ht="21.75" customHeight="1">
      <c r="D211" s="217" t="s">
        <v>255</v>
      </c>
      <c r="E211" s="218"/>
      <c r="F211" s="218"/>
      <c r="G211" s="218"/>
      <c r="H211" s="218"/>
      <c r="I211" s="218"/>
      <c r="J211" s="218"/>
      <c r="K211" s="218"/>
      <c r="L211" s="218"/>
      <c r="M211" s="218"/>
      <c r="N211" s="219"/>
      <c r="O211" s="217" t="s">
        <v>250</v>
      </c>
      <c r="P211" s="218"/>
      <c r="Q211" s="218"/>
      <c r="R211" s="218"/>
      <c r="S211" s="218"/>
      <c r="T211" s="218"/>
      <c r="U211" s="218"/>
      <c r="V211" s="218"/>
      <c r="W211" s="218"/>
      <c r="X211" s="218"/>
      <c r="Y211" s="218"/>
      <c r="Z211" s="219"/>
      <c r="AA211" s="223"/>
      <c r="AB211" s="224"/>
      <c r="AC211" s="225"/>
      <c r="AD211" s="229" t="s">
        <v>251</v>
      </c>
      <c r="AE211" s="230"/>
      <c r="AF211" s="230"/>
      <c r="AG211" s="230"/>
      <c r="AH211" s="230"/>
      <c r="AI211" s="230"/>
      <c r="AJ211" s="230"/>
      <c r="AK211" s="230"/>
      <c r="AL211" s="230"/>
      <c r="AM211" s="230"/>
      <c r="AN211" s="230"/>
      <c r="AO211" s="230"/>
      <c r="AP211" s="230"/>
      <c r="AQ211" s="230"/>
      <c r="AR211" s="230"/>
      <c r="AS211" s="230"/>
      <c r="AT211" s="230"/>
      <c r="AU211" s="230"/>
      <c r="AV211" s="230"/>
      <c r="AW211" s="230"/>
      <c r="AX211" s="230"/>
      <c r="AY211" s="231"/>
      <c r="AZ211" s="235" t="s">
        <v>3</v>
      </c>
      <c r="BA211" s="236"/>
      <c r="BB211" s="237"/>
      <c r="BC211" s="241" t="s">
        <v>256</v>
      </c>
      <c r="BD211" s="242"/>
      <c r="BE211" s="242"/>
      <c r="BF211" s="242"/>
      <c r="BG211" s="242"/>
      <c r="BH211" s="242"/>
      <c r="BI211" s="242"/>
      <c r="BJ211" s="243"/>
    </row>
    <row r="212" spans="1:133" ht="21.75" customHeight="1">
      <c r="D212" s="220"/>
      <c r="E212" s="221"/>
      <c r="F212" s="221"/>
      <c r="G212" s="221"/>
      <c r="H212" s="221"/>
      <c r="I212" s="221"/>
      <c r="J212" s="221"/>
      <c r="K212" s="221"/>
      <c r="L212" s="221"/>
      <c r="M212" s="221"/>
      <c r="N212" s="222"/>
      <c r="O212" s="220"/>
      <c r="P212" s="221"/>
      <c r="Q212" s="221"/>
      <c r="R212" s="221"/>
      <c r="S212" s="221"/>
      <c r="T212" s="221"/>
      <c r="U212" s="221"/>
      <c r="V212" s="221"/>
      <c r="W212" s="221"/>
      <c r="X212" s="221"/>
      <c r="Y212" s="221"/>
      <c r="Z212" s="222"/>
      <c r="AA212" s="226"/>
      <c r="AB212" s="227"/>
      <c r="AC212" s="228"/>
      <c r="AD212" s="232"/>
      <c r="AE212" s="233"/>
      <c r="AF212" s="233"/>
      <c r="AG212" s="233"/>
      <c r="AH212" s="233"/>
      <c r="AI212" s="233"/>
      <c r="AJ212" s="233"/>
      <c r="AK212" s="233"/>
      <c r="AL212" s="233"/>
      <c r="AM212" s="233"/>
      <c r="AN212" s="233"/>
      <c r="AO212" s="233"/>
      <c r="AP212" s="233"/>
      <c r="AQ212" s="233"/>
      <c r="AR212" s="233"/>
      <c r="AS212" s="233"/>
      <c r="AT212" s="233"/>
      <c r="AU212" s="233"/>
      <c r="AV212" s="233"/>
      <c r="AW212" s="233"/>
      <c r="AX212" s="233"/>
      <c r="AY212" s="234"/>
      <c r="AZ212" s="238"/>
      <c r="BA212" s="239"/>
      <c r="BB212" s="240"/>
      <c r="BC212" s="244" t="s">
        <v>252</v>
      </c>
      <c r="BD212" s="245"/>
      <c r="BE212" s="245"/>
      <c r="BF212" s="245"/>
      <c r="BG212" s="245"/>
      <c r="BH212" s="245"/>
      <c r="BI212" s="245"/>
      <c r="BJ212" s="246"/>
      <c r="BS212" s="142"/>
      <c r="BT212" s="142"/>
      <c r="BU212" s="142"/>
      <c r="BV212" s="142"/>
      <c r="BW212" s="142"/>
      <c r="BX212" s="142"/>
      <c r="BY212" s="142"/>
      <c r="BZ212" s="142"/>
      <c r="CA212" s="142"/>
      <c r="CB212" s="142"/>
      <c r="CC212" s="142"/>
      <c r="CD212" s="142"/>
      <c r="CE212" s="142"/>
      <c r="CF212" s="142"/>
      <c r="CG212" s="142"/>
      <c r="CH212" s="142"/>
      <c r="CI212" s="142"/>
      <c r="CJ212" s="142"/>
      <c r="CK212" s="142"/>
      <c r="CL212" s="142"/>
      <c r="CM212" s="142"/>
      <c r="CN212" s="142"/>
      <c r="CO212" s="142"/>
      <c r="CP212" s="142"/>
      <c r="CQ212" s="142"/>
      <c r="CR212" s="142"/>
      <c r="CS212" s="142"/>
      <c r="CT212" s="142"/>
      <c r="CU212" s="142"/>
      <c r="CV212" s="142"/>
      <c r="CW212" s="142"/>
      <c r="CX212" s="142"/>
      <c r="CY212" s="142"/>
      <c r="CZ212" s="142"/>
      <c r="DA212" s="142"/>
      <c r="DB212" s="142"/>
      <c r="DC212" s="142"/>
      <c r="DD212" s="142"/>
      <c r="DE212" s="142"/>
      <c r="DF212" s="142"/>
      <c r="DG212" s="142"/>
      <c r="DH212" s="142"/>
      <c r="DI212" s="142"/>
      <c r="DJ212" s="142"/>
      <c r="DK212" s="142"/>
      <c r="DL212" s="142"/>
      <c r="DM212" s="142"/>
      <c r="DN212" s="142"/>
      <c r="DO212" s="142"/>
      <c r="DP212" s="142"/>
      <c r="DQ212" s="142"/>
      <c r="DR212" s="142"/>
      <c r="DS212" s="142"/>
      <c r="DT212" s="142"/>
      <c r="DU212" s="142"/>
      <c r="DV212" s="142"/>
      <c r="DW212" s="142"/>
      <c r="DX212" s="142"/>
      <c r="DY212" s="142"/>
      <c r="DZ212" s="142"/>
      <c r="EA212" s="142"/>
      <c r="EB212" s="142"/>
      <c r="EC212" s="142"/>
    </row>
    <row r="213" spans="1:133" ht="33.75" customHeight="1">
      <c r="D213" s="214" t="s">
        <v>253</v>
      </c>
      <c r="E213" s="214"/>
      <c r="F213" s="214"/>
      <c r="G213" s="214"/>
      <c r="H213" s="214"/>
      <c r="I213" s="214"/>
      <c r="J213" s="214"/>
      <c r="K213" s="214"/>
      <c r="L213" s="214"/>
      <c r="M213" s="214"/>
      <c r="N213" s="214"/>
      <c r="O213" s="214"/>
      <c r="P213" s="214"/>
      <c r="Q213" s="214"/>
      <c r="R213" s="214"/>
      <c r="S213" s="214"/>
      <c r="T213" s="214"/>
      <c r="U213" s="214"/>
      <c r="V213" s="214"/>
      <c r="W213" s="214"/>
      <c r="X213" s="214"/>
      <c r="Y213" s="214"/>
      <c r="Z213" s="214"/>
      <c r="AA213" s="214"/>
      <c r="AB213" s="214"/>
      <c r="AC213" s="214"/>
      <c r="AD213" s="214"/>
      <c r="AE213" s="214"/>
      <c r="AF213" s="214"/>
      <c r="AG213" s="214"/>
      <c r="AH213" s="214"/>
      <c r="AI213" s="214"/>
      <c r="AJ213" s="214"/>
      <c r="AK213" s="214"/>
      <c r="AL213" s="214"/>
      <c r="AM213" s="214"/>
      <c r="AN213" s="214"/>
      <c r="AO213" s="214"/>
      <c r="AP213" s="214"/>
      <c r="AQ213" s="214"/>
      <c r="AR213" s="214"/>
      <c r="AS213" s="214"/>
      <c r="AT213" s="214"/>
      <c r="AU213" s="214"/>
      <c r="AV213" s="214"/>
      <c r="AW213" s="214"/>
      <c r="AX213" s="214"/>
      <c r="AY213" s="214"/>
      <c r="AZ213" s="214"/>
      <c r="BA213" s="214"/>
      <c r="BB213" s="214"/>
      <c r="BC213" s="214"/>
      <c r="BD213" s="214"/>
      <c r="BE213" s="214"/>
      <c r="BF213" s="214"/>
      <c r="BG213" s="214"/>
      <c r="BH213" s="214"/>
      <c r="BI213" s="214"/>
      <c r="BJ213" s="214"/>
      <c r="BK213" s="214"/>
      <c r="BL213" s="214"/>
      <c r="BO213" s="139"/>
      <c r="BP213" s="139"/>
      <c r="BQ213" s="139"/>
      <c r="BR213" s="139"/>
      <c r="BS213" s="139"/>
      <c r="BT213" s="139"/>
      <c r="BU213" s="139"/>
      <c r="BV213" s="139"/>
      <c r="BW213" s="139"/>
      <c r="BX213" s="139"/>
      <c r="BY213" s="139"/>
      <c r="BZ213" s="139"/>
      <c r="CA213" s="139"/>
      <c r="CB213" s="139"/>
      <c r="CC213" s="139"/>
      <c r="CD213" s="139"/>
      <c r="CE213" s="139"/>
      <c r="CF213" s="139"/>
      <c r="CG213" s="139"/>
      <c r="CH213" s="139"/>
      <c r="CI213" s="139"/>
      <c r="CJ213" s="139"/>
      <c r="CK213" s="139"/>
      <c r="CL213" s="139"/>
      <c r="CM213" s="139"/>
      <c r="CN213" s="139"/>
      <c r="CO213" s="139"/>
      <c r="CP213" s="139"/>
      <c r="CQ213" s="139"/>
      <c r="CR213" s="139"/>
      <c r="CS213" s="139"/>
      <c r="CT213" s="139"/>
      <c r="CU213" s="139"/>
      <c r="CV213" s="139"/>
      <c r="CW213" s="139"/>
      <c r="CX213" s="139"/>
      <c r="CY213" s="139"/>
      <c r="CZ213" s="139"/>
      <c r="DA213" s="139"/>
      <c r="DB213" s="139"/>
      <c r="DC213" s="139"/>
      <c r="DD213" s="139"/>
      <c r="DE213" s="139"/>
      <c r="DF213" s="139"/>
      <c r="DG213" s="139"/>
      <c r="DH213" s="139"/>
      <c r="DI213" s="139"/>
      <c r="DJ213" s="139"/>
      <c r="DK213" s="139"/>
      <c r="DL213" s="139"/>
      <c r="DM213" s="139"/>
      <c r="DN213" s="139"/>
      <c r="DO213" s="139"/>
      <c r="DP213" s="139"/>
      <c r="DQ213" s="139"/>
      <c r="DR213" s="139"/>
      <c r="DS213" s="139"/>
      <c r="DT213" s="139"/>
      <c r="DU213" s="139"/>
      <c r="DV213" s="139"/>
      <c r="DW213" s="139"/>
      <c r="DX213" s="139"/>
      <c r="DY213" s="139"/>
      <c r="DZ213" s="139"/>
      <c r="EA213" s="139"/>
      <c r="EB213" s="139"/>
      <c r="EC213" s="139"/>
    </row>
    <row r="214" spans="1:133" ht="21.75" customHeight="1">
      <c r="D214" s="214"/>
      <c r="E214" s="214"/>
      <c r="F214" s="214"/>
      <c r="G214" s="214"/>
      <c r="H214" s="214"/>
      <c r="I214" s="214"/>
      <c r="J214" s="214"/>
      <c r="K214" s="214"/>
      <c r="L214" s="214"/>
      <c r="M214" s="214"/>
      <c r="N214" s="214"/>
      <c r="O214" s="214"/>
      <c r="P214" s="214"/>
      <c r="Q214" s="214"/>
      <c r="R214" s="214"/>
      <c r="S214" s="214"/>
      <c r="T214" s="214"/>
      <c r="U214" s="214"/>
      <c r="V214" s="214"/>
      <c r="W214" s="214"/>
      <c r="X214" s="214"/>
      <c r="Y214" s="214"/>
      <c r="Z214" s="214"/>
      <c r="AA214" s="214"/>
      <c r="AB214" s="214"/>
      <c r="AC214" s="214"/>
      <c r="AD214" s="214"/>
      <c r="AE214" s="214"/>
      <c r="AF214" s="214"/>
      <c r="AG214" s="214"/>
      <c r="AH214" s="214"/>
      <c r="AI214" s="214"/>
      <c r="AJ214" s="214"/>
      <c r="AK214" s="214"/>
      <c r="AL214" s="214"/>
      <c r="AM214" s="214"/>
      <c r="AN214" s="214"/>
      <c r="AO214" s="214"/>
      <c r="AP214" s="214"/>
      <c r="AQ214" s="214"/>
      <c r="AR214" s="214"/>
      <c r="AS214" s="214"/>
      <c r="AT214" s="214"/>
      <c r="AU214" s="214"/>
      <c r="AV214" s="214"/>
      <c r="AW214" s="214"/>
      <c r="AX214" s="214"/>
      <c r="AY214" s="214"/>
      <c r="AZ214" s="214"/>
      <c r="BA214" s="214"/>
      <c r="BB214" s="214"/>
      <c r="BC214" s="214"/>
      <c r="BD214" s="214"/>
      <c r="BE214" s="214"/>
      <c r="BF214" s="214"/>
      <c r="BG214" s="214"/>
      <c r="BH214" s="214"/>
      <c r="BI214" s="214"/>
      <c r="BJ214" s="214"/>
      <c r="BK214" s="214"/>
      <c r="BL214" s="214"/>
      <c r="BO214" s="140"/>
      <c r="BP214" s="140"/>
      <c r="BQ214" s="140"/>
      <c r="BR214" s="140"/>
      <c r="BS214" s="140"/>
      <c r="BT214" s="140"/>
      <c r="BU214" s="140"/>
      <c r="BV214" s="139"/>
      <c r="BW214" s="139"/>
      <c r="BX214" s="139"/>
      <c r="BY214" s="139"/>
      <c r="BZ214" s="139"/>
      <c r="CA214" s="139"/>
      <c r="CB214" s="139"/>
      <c r="CC214" s="139"/>
      <c r="CD214" s="139"/>
      <c r="CE214" s="139"/>
      <c r="CF214" s="139"/>
      <c r="CG214" s="139"/>
      <c r="CH214" s="139"/>
      <c r="CI214" s="139"/>
      <c r="CJ214" s="139"/>
      <c r="CK214" s="139"/>
      <c r="CL214" s="139"/>
      <c r="CM214" s="139"/>
      <c r="CN214" s="139"/>
      <c r="CO214" s="139"/>
      <c r="CP214" s="139"/>
      <c r="CQ214" s="139"/>
      <c r="CR214" s="139"/>
      <c r="CS214" s="139"/>
      <c r="CT214" s="139"/>
      <c r="CU214" s="139"/>
      <c r="CV214" s="139"/>
      <c r="CW214" s="139"/>
      <c r="CX214" s="139"/>
      <c r="CY214" s="139"/>
      <c r="CZ214" s="139"/>
      <c r="DA214" s="139"/>
      <c r="DB214" s="139"/>
      <c r="DC214" s="139"/>
      <c r="DD214" s="139"/>
      <c r="DE214" s="139"/>
      <c r="DF214" s="139"/>
      <c r="DG214" s="139"/>
      <c r="DH214" s="139"/>
      <c r="DI214" s="139"/>
      <c r="DJ214" s="139"/>
      <c r="DK214" s="139"/>
      <c r="DL214" s="139"/>
      <c r="DM214" s="139"/>
      <c r="DN214" s="139"/>
      <c r="DO214" s="139"/>
      <c r="DP214" s="139"/>
      <c r="DQ214" s="139"/>
      <c r="DR214" s="139"/>
      <c r="DS214" s="139"/>
      <c r="DT214" s="139"/>
      <c r="DU214" s="139"/>
      <c r="DV214" s="139"/>
      <c r="DW214" s="139"/>
      <c r="DX214" s="139"/>
      <c r="DY214" s="139"/>
      <c r="DZ214" s="139"/>
      <c r="EA214" s="139"/>
      <c r="EB214" s="139"/>
      <c r="EC214" s="139"/>
    </row>
    <row r="215" spans="1:133" ht="15" customHeight="1">
      <c r="D215" s="53" t="s">
        <v>319</v>
      </c>
      <c r="E215" s="79"/>
      <c r="F215" s="193"/>
      <c r="G215" s="132"/>
      <c r="H215" s="132"/>
      <c r="I215" s="132"/>
      <c r="J215" s="132"/>
      <c r="K215" s="132"/>
      <c r="L215" s="132"/>
      <c r="M215" s="132"/>
      <c r="N215" s="132"/>
      <c r="O215" s="132"/>
      <c r="P215" s="132"/>
      <c r="Q215" s="132"/>
      <c r="R215" s="132"/>
      <c r="S215" s="132"/>
      <c r="T215" s="132"/>
      <c r="U215" s="132"/>
      <c r="V215" s="132"/>
      <c r="W215" s="132"/>
      <c r="X215" s="132"/>
      <c r="Y215" s="132"/>
      <c r="Z215" s="132"/>
      <c r="AA215" s="132"/>
      <c r="AB215" s="132"/>
      <c r="AC215" s="132"/>
      <c r="AD215" s="132"/>
      <c r="AE215" s="132"/>
      <c r="AF215" s="132"/>
      <c r="AG215" s="132"/>
      <c r="AH215" s="132"/>
      <c r="AI215" s="132"/>
      <c r="AJ215" s="132"/>
      <c r="AK215" s="132"/>
      <c r="AL215" s="132"/>
      <c r="AM215" s="132"/>
      <c r="AN215" s="132"/>
      <c r="AO215" s="132"/>
      <c r="AP215" s="132"/>
      <c r="AQ215" s="132"/>
      <c r="AR215" s="132"/>
      <c r="AS215" s="132"/>
      <c r="AT215" s="132"/>
      <c r="AU215" s="132"/>
      <c r="AV215" s="132"/>
      <c r="AW215" s="132"/>
      <c r="AX215" s="132"/>
      <c r="AY215" s="132"/>
      <c r="AZ215" s="132"/>
      <c r="BA215" s="132"/>
      <c r="BB215" s="132"/>
      <c r="BC215" s="132"/>
      <c r="BD215" s="132"/>
      <c r="BE215" s="132"/>
      <c r="BF215" s="132"/>
      <c r="BG215" s="132"/>
      <c r="BH215" s="132"/>
      <c r="BI215" s="132"/>
      <c r="BJ215" s="132"/>
      <c r="BK215" s="132"/>
      <c r="BL215" s="132"/>
      <c r="BM215" s="132"/>
      <c r="BN215" s="132"/>
    </row>
    <row r="216" spans="1:133" ht="15" customHeight="1">
      <c r="D216" s="53" t="s">
        <v>320</v>
      </c>
      <c r="E216" s="79"/>
      <c r="F216" s="193"/>
      <c r="G216" s="132"/>
      <c r="H216" s="132"/>
      <c r="I216" s="132"/>
      <c r="J216" s="132"/>
      <c r="K216" s="132"/>
      <c r="L216" s="132"/>
      <c r="M216" s="132"/>
      <c r="N216" s="132"/>
      <c r="O216" s="132"/>
      <c r="P216" s="132"/>
      <c r="Q216" s="132"/>
      <c r="R216" s="132"/>
      <c r="S216" s="132"/>
      <c r="T216" s="132"/>
      <c r="U216" s="132"/>
      <c r="V216" s="132"/>
      <c r="W216" s="132"/>
      <c r="X216" s="132"/>
      <c r="Y216" s="132"/>
      <c r="Z216" s="132"/>
      <c r="AA216" s="132"/>
      <c r="AB216" s="132"/>
      <c r="AC216" s="132"/>
      <c r="AD216" s="132"/>
      <c r="AE216" s="132"/>
      <c r="AF216" s="132"/>
      <c r="AG216" s="132"/>
      <c r="AH216" s="132"/>
      <c r="AI216" s="132"/>
      <c r="AJ216" s="132"/>
      <c r="AK216" s="132"/>
      <c r="AL216" s="132"/>
      <c r="AM216" s="132"/>
      <c r="AN216" s="132"/>
      <c r="AO216" s="132"/>
      <c r="AP216" s="132"/>
      <c r="AQ216" s="132"/>
      <c r="AR216" s="132"/>
      <c r="AS216" s="132"/>
      <c r="AT216" s="132"/>
      <c r="AU216" s="132"/>
      <c r="AV216" s="132"/>
      <c r="AW216" s="132"/>
      <c r="AX216" s="132"/>
      <c r="AY216" s="132"/>
      <c r="AZ216" s="132"/>
      <c r="BA216" s="132"/>
      <c r="BB216" s="132"/>
      <c r="BC216" s="132"/>
      <c r="BD216" s="132"/>
      <c r="BE216" s="132"/>
      <c r="BF216" s="132"/>
      <c r="BG216" s="132"/>
      <c r="BH216" s="132"/>
      <c r="BI216" s="132"/>
      <c r="BJ216" s="132"/>
      <c r="BK216" s="132"/>
      <c r="BL216" s="132"/>
      <c r="BM216" s="132"/>
      <c r="BN216" s="132"/>
    </row>
    <row r="217" spans="1:133" ht="15" customHeight="1">
      <c r="D217" s="53" t="s">
        <v>321</v>
      </c>
      <c r="E217" s="79"/>
      <c r="F217" s="193"/>
      <c r="G217" s="132"/>
      <c r="H217" s="132"/>
      <c r="I217" s="132"/>
      <c r="J217" s="132"/>
      <c r="K217" s="132"/>
      <c r="L217" s="132"/>
      <c r="M217" s="132"/>
      <c r="N217" s="132"/>
      <c r="O217" s="132"/>
      <c r="P217" s="132"/>
      <c r="Q217" s="132"/>
      <c r="R217" s="132"/>
      <c r="S217" s="132"/>
      <c r="T217" s="132"/>
      <c r="U217" s="132"/>
      <c r="V217" s="132"/>
      <c r="W217" s="132"/>
      <c r="X217" s="132"/>
      <c r="Y217" s="132"/>
      <c r="Z217" s="132"/>
      <c r="AA217" s="132"/>
      <c r="AB217" s="132"/>
      <c r="AC217" s="132"/>
      <c r="AD217" s="132"/>
      <c r="AE217" s="132"/>
      <c r="AF217" s="132"/>
      <c r="AG217" s="132"/>
      <c r="AH217" s="132"/>
      <c r="AI217" s="132"/>
      <c r="AJ217" s="132"/>
      <c r="AK217" s="132"/>
      <c r="AL217" s="132"/>
      <c r="AM217" s="132"/>
      <c r="AN217" s="132"/>
      <c r="AO217" s="132"/>
      <c r="AP217" s="132"/>
      <c r="AQ217" s="132"/>
      <c r="AR217" s="132"/>
      <c r="AS217" s="132"/>
      <c r="AT217" s="132"/>
      <c r="AU217" s="132"/>
      <c r="AV217" s="132"/>
      <c r="AW217" s="132"/>
      <c r="AX217" s="132"/>
      <c r="AY217" s="132"/>
      <c r="AZ217" s="132"/>
      <c r="BA217" s="139"/>
      <c r="BB217" s="132"/>
      <c r="BC217" s="132"/>
      <c r="BD217" s="132"/>
      <c r="BE217" s="132"/>
      <c r="BF217" s="132"/>
      <c r="BG217" s="132"/>
      <c r="BH217" s="132"/>
      <c r="BI217" s="132"/>
      <c r="BJ217" s="132"/>
      <c r="BK217" s="132"/>
      <c r="BL217" s="132"/>
      <c r="BM217" s="132"/>
      <c r="BN217" s="132"/>
    </row>
    <row r="218" spans="1:133" ht="15" customHeight="1">
      <c r="D218" s="53" t="s">
        <v>326</v>
      </c>
      <c r="E218" s="79"/>
      <c r="F218" s="193"/>
      <c r="G218" s="132"/>
      <c r="H218" s="132"/>
      <c r="I218" s="132"/>
      <c r="J218" s="132"/>
      <c r="K218" s="132"/>
      <c r="L218" s="132"/>
      <c r="M218" s="132"/>
      <c r="N218" s="132"/>
      <c r="O218" s="132"/>
      <c r="P218" s="132"/>
      <c r="Q218" s="132"/>
      <c r="R218" s="132"/>
      <c r="S218" s="132"/>
      <c r="T218" s="132"/>
      <c r="U218" s="132"/>
      <c r="V218" s="132"/>
      <c r="W218" s="132"/>
      <c r="X218" s="132"/>
      <c r="Y218" s="132"/>
      <c r="Z218" s="132"/>
      <c r="AA218" s="132"/>
      <c r="AB218" s="132"/>
      <c r="AC218" s="132"/>
      <c r="AD218" s="132"/>
      <c r="AE218" s="132"/>
      <c r="AF218" s="132"/>
      <c r="AG218" s="132"/>
      <c r="AH218" s="132"/>
      <c r="AI218" s="132"/>
      <c r="AJ218" s="132"/>
      <c r="AK218" s="132"/>
      <c r="AL218" s="132"/>
      <c r="AM218" s="132"/>
      <c r="AN218" s="132"/>
      <c r="AO218" s="132"/>
      <c r="AP218" s="132"/>
      <c r="AQ218" s="132"/>
      <c r="AR218" s="132"/>
      <c r="AS218" s="132"/>
      <c r="AT218" s="132"/>
      <c r="AU218" s="132"/>
      <c r="AV218" s="132"/>
      <c r="AW218" s="132"/>
      <c r="AX218" s="132"/>
      <c r="AY218" s="132"/>
      <c r="AZ218" s="132"/>
      <c r="BA218" s="132"/>
      <c r="BB218" s="132"/>
      <c r="BC218" s="132"/>
      <c r="BD218" s="132"/>
      <c r="BE218" s="132"/>
      <c r="BF218" s="132"/>
      <c r="BG218" s="132"/>
      <c r="BH218" s="132"/>
      <c r="BI218" s="132"/>
      <c r="BJ218" s="132"/>
      <c r="BK218" s="132"/>
      <c r="BL218" s="132"/>
      <c r="BM218" s="132"/>
      <c r="BN218" s="132"/>
    </row>
    <row r="219" spans="1:133" ht="15" customHeight="1">
      <c r="D219" s="53" t="s">
        <v>336</v>
      </c>
      <c r="E219" s="125"/>
      <c r="F219" s="125"/>
      <c r="G219" s="125"/>
      <c r="H219" s="125"/>
      <c r="I219" s="125"/>
      <c r="J219" s="125"/>
      <c r="K219" s="125"/>
      <c r="L219" s="125"/>
      <c r="M219" s="125"/>
      <c r="N219" s="125"/>
      <c r="O219" s="125"/>
      <c r="P219" s="125"/>
      <c r="Q219" s="125"/>
      <c r="R219" s="125"/>
      <c r="S219" s="125"/>
      <c r="T219" s="125"/>
      <c r="U219" s="125"/>
      <c r="V219" s="125"/>
      <c r="W219" s="125"/>
      <c r="X219" s="125"/>
      <c r="Y219" s="125"/>
      <c r="Z219" s="125"/>
      <c r="AA219" s="125"/>
      <c r="AB219" s="125"/>
      <c r="AC219" s="125"/>
      <c r="AD219" s="125"/>
      <c r="AE219" s="125"/>
      <c r="AF219" s="125"/>
      <c r="AG219" s="125"/>
      <c r="AH219" s="125"/>
      <c r="AI219" s="125"/>
      <c r="AJ219" s="125"/>
      <c r="AK219" s="125"/>
      <c r="AL219" s="125"/>
      <c r="AM219" s="125"/>
      <c r="AN219" s="125"/>
      <c r="AO219" s="125"/>
      <c r="AP219" s="125"/>
      <c r="AQ219" s="125"/>
      <c r="AR219" s="125"/>
      <c r="AS219" s="125"/>
      <c r="AT219" s="125"/>
      <c r="AU219" s="125"/>
      <c r="AV219" s="125"/>
      <c r="AW219" s="125"/>
      <c r="AX219" s="125"/>
      <c r="AY219" s="125"/>
      <c r="AZ219" s="125"/>
      <c r="BA219" s="125"/>
      <c r="BB219" s="125"/>
      <c r="BC219" s="125"/>
      <c r="BD219" s="125"/>
      <c r="BE219" s="125"/>
      <c r="BF219" s="125"/>
      <c r="BG219" s="125"/>
      <c r="BH219" s="125"/>
      <c r="BI219" s="125"/>
      <c r="BJ219" s="125"/>
      <c r="BK219" s="125"/>
      <c r="BL219" s="125"/>
      <c r="BM219" s="125"/>
      <c r="BN219" s="125"/>
      <c r="BO219" s="125"/>
    </row>
    <row r="220" spans="1:133" ht="15" customHeight="1">
      <c r="D220" s="53" t="s">
        <v>322</v>
      </c>
      <c r="E220" s="53"/>
      <c r="F220" s="126"/>
      <c r="G220" s="126"/>
      <c r="H220" s="126"/>
      <c r="I220" s="126"/>
      <c r="J220" s="126"/>
      <c r="K220" s="126"/>
      <c r="L220" s="126"/>
      <c r="M220" s="126"/>
      <c r="N220" s="126"/>
      <c r="O220" s="126"/>
      <c r="P220" s="126"/>
      <c r="Q220" s="126"/>
      <c r="R220" s="126"/>
      <c r="S220" s="126"/>
      <c r="T220" s="126"/>
      <c r="U220" s="126"/>
      <c r="V220" s="126"/>
      <c r="W220" s="126"/>
      <c r="X220" s="126"/>
      <c r="Y220" s="126"/>
      <c r="Z220" s="126"/>
      <c r="AA220" s="126"/>
      <c r="AB220" s="126"/>
      <c r="AC220" s="126"/>
      <c r="AD220" s="126"/>
      <c r="AE220" s="126"/>
      <c r="AF220" s="126"/>
      <c r="AG220" s="126"/>
      <c r="AH220" s="126"/>
      <c r="AI220" s="126"/>
      <c r="AJ220" s="126"/>
      <c r="AK220" s="126"/>
      <c r="AL220" s="126"/>
      <c r="AM220" s="126"/>
      <c r="AN220" s="126"/>
      <c r="AO220" s="126"/>
      <c r="AP220" s="126"/>
      <c r="AQ220" s="126"/>
      <c r="AR220" s="126"/>
      <c r="AS220" s="126"/>
      <c r="AT220" s="126"/>
      <c r="AU220" s="126"/>
      <c r="AV220" s="126"/>
      <c r="AW220" s="126"/>
      <c r="AX220" s="126"/>
      <c r="AY220" s="126"/>
      <c r="AZ220" s="126"/>
      <c r="BA220" s="126"/>
      <c r="BB220" s="126"/>
      <c r="BC220" s="126"/>
      <c r="BD220" s="126"/>
      <c r="BE220" s="126"/>
      <c r="BF220" s="126"/>
      <c r="BG220" s="126"/>
      <c r="BH220" s="126"/>
      <c r="BI220" s="126"/>
      <c r="BJ220" s="126"/>
      <c r="BK220" s="125"/>
      <c r="BL220" s="125"/>
    </row>
    <row r="221" spans="1:133" ht="15.75" customHeight="1">
      <c r="D221" s="31"/>
      <c r="E221" s="31"/>
      <c r="AQ221" s="139"/>
      <c r="AR221" s="139"/>
      <c r="AS221" s="139"/>
      <c r="AT221" s="139"/>
      <c r="AU221" s="139"/>
      <c r="BB221" s="139"/>
      <c r="BE221" s="139"/>
      <c r="BF221" s="139"/>
      <c r="BG221" s="139"/>
      <c r="BH221" s="139"/>
      <c r="BI221" s="139"/>
      <c r="BL221" s="139"/>
      <c r="BM221" s="139"/>
      <c r="BN221" s="139"/>
      <c r="BO221" s="139"/>
      <c r="BS221" s="139"/>
      <c r="BT221" s="139"/>
      <c r="BU221" s="139"/>
    </row>
    <row r="222" spans="1:133" ht="15" customHeight="1">
      <c r="D222" s="25"/>
      <c r="E222" s="25"/>
      <c r="F222" s="25"/>
      <c r="G222" s="25"/>
      <c r="H222" s="25"/>
      <c r="I222" s="25"/>
      <c r="J222" s="25"/>
      <c r="K222" s="25"/>
      <c r="L222" s="25"/>
      <c r="M222" s="25"/>
      <c r="N222" s="25"/>
      <c r="O222" s="25"/>
    </row>
    <row r="223" spans="1:133" ht="24.75" customHeight="1">
      <c r="A223" s="216" t="s">
        <v>83</v>
      </c>
      <c r="B223" s="216"/>
      <c r="C223" s="216"/>
      <c r="D223" s="216"/>
      <c r="E223" s="216"/>
      <c r="F223" s="216"/>
      <c r="G223" s="216"/>
      <c r="H223" s="216"/>
      <c r="I223" s="216"/>
      <c r="J223" s="216"/>
      <c r="K223" s="216"/>
      <c r="L223" s="216"/>
      <c r="M223" s="216"/>
      <c r="N223" s="216"/>
      <c r="O223" s="216"/>
      <c r="P223" s="216"/>
      <c r="Q223" s="216"/>
      <c r="R223" s="216"/>
      <c r="S223" s="216"/>
      <c r="T223" s="216"/>
      <c r="U223" s="216"/>
      <c r="V223" s="216"/>
      <c r="W223" s="216"/>
      <c r="X223" s="216"/>
      <c r="Y223" s="216"/>
      <c r="Z223" s="216"/>
      <c r="AA223" s="216"/>
      <c r="AB223" s="216"/>
      <c r="AC223" s="216"/>
      <c r="AD223" s="216"/>
      <c r="AE223" s="216"/>
      <c r="AF223" s="216"/>
      <c r="AG223" s="216"/>
      <c r="AH223" s="216"/>
      <c r="AI223" s="216"/>
      <c r="AJ223" s="216"/>
      <c r="AK223" s="216"/>
      <c r="AL223" s="216"/>
      <c r="AM223" s="216"/>
      <c r="AN223" s="216"/>
      <c r="AO223" s="216"/>
      <c r="AP223" s="216"/>
      <c r="AQ223" s="216"/>
      <c r="AR223" s="216"/>
      <c r="AS223" s="216"/>
      <c r="AT223" s="216"/>
      <c r="AU223" s="216"/>
      <c r="AV223" s="216"/>
      <c r="AW223" s="216"/>
      <c r="AX223" s="216"/>
      <c r="AY223" s="216"/>
      <c r="AZ223" s="216"/>
      <c r="BA223" s="216"/>
      <c r="BB223" s="216"/>
      <c r="BC223" s="216"/>
      <c r="BD223" s="216"/>
      <c r="BE223" s="216"/>
      <c r="BF223" s="216"/>
      <c r="BG223" s="216"/>
      <c r="BH223" s="216"/>
      <c r="BI223" s="216"/>
      <c r="BJ223" s="216"/>
      <c r="BK223" s="216"/>
    </row>
    <row r="224" spans="1:133" ht="24.75" customHeight="1">
      <c r="A224" s="141"/>
      <c r="B224" s="141"/>
      <c r="C224" s="141"/>
      <c r="D224" s="141"/>
      <c r="E224" s="141"/>
      <c r="F224" s="141"/>
      <c r="G224" s="141"/>
      <c r="H224" s="141"/>
      <c r="I224" s="141"/>
      <c r="J224" s="141"/>
      <c r="K224" s="141"/>
      <c r="L224" s="141"/>
      <c r="M224" s="141"/>
      <c r="N224" s="141"/>
      <c r="O224" s="141"/>
      <c r="P224" s="141"/>
      <c r="Q224" s="141"/>
      <c r="R224" s="141"/>
      <c r="S224" s="141"/>
      <c r="T224" s="141"/>
      <c r="U224" s="141"/>
      <c r="V224" s="141"/>
      <c r="W224" s="141"/>
      <c r="X224" s="141"/>
      <c r="Y224" s="141"/>
      <c r="Z224" s="141"/>
      <c r="AA224" s="141"/>
      <c r="AB224" s="141"/>
      <c r="AC224" s="141"/>
      <c r="AD224" s="141"/>
      <c r="AE224" s="141"/>
      <c r="AF224" s="141"/>
      <c r="AG224" s="141"/>
      <c r="AH224" s="141"/>
      <c r="AI224" s="141"/>
      <c r="AJ224" s="141"/>
      <c r="AK224" s="141"/>
      <c r="AL224" s="141"/>
      <c r="AM224" s="141"/>
      <c r="AN224" s="141"/>
      <c r="AO224" s="141"/>
      <c r="AP224" s="141"/>
      <c r="AQ224" s="141"/>
      <c r="AR224" s="141"/>
      <c r="AS224" s="141"/>
      <c r="AT224" s="141"/>
      <c r="AU224" s="141"/>
      <c r="AV224" s="141"/>
      <c r="AW224" s="141"/>
      <c r="AX224" s="141"/>
      <c r="AY224" s="141"/>
      <c r="AZ224" s="141"/>
      <c r="BA224" s="141"/>
      <c r="BB224" s="141"/>
      <c r="BC224" s="141"/>
      <c r="BD224" s="141"/>
      <c r="BE224" s="141"/>
      <c r="BF224" s="141"/>
      <c r="BG224" s="141"/>
      <c r="BH224" s="141"/>
      <c r="BI224" s="141"/>
      <c r="BJ224" s="141"/>
      <c r="BK224" s="141"/>
    </row>
    <row r="225" spans="1:75" ht="20.100000000000001" customHeight="1">
      <c r="A225" s="209" t="s">
        <v>327</v>
      </c>
      <c r="B225" s="209"/>
      <c r="C225" s="209"/>
      <c r="D225" s="209"/>
      <c r="E225" s="102" t="s">
        <v>325</v>
      </c>
      <c r="F225" s="25"/>
      <c r="G225" s="25"/>
      <c r="H225" s="33"/>
      <c r="I225" s="33"/>
      <c r="J225" s="33"/>
      <c r="K225" s="33"/>
      <c r="L225" s="33"/>
      <c r="M225" s="33"/>
      <c r="N225" s="33"/>
      <c r="O225" s="33"/>
      <c r="P225" s="33"/>
      <c r="Q225" s="33"/>
      <c r="R225" s="34"/>
      <c r="S225" s="34"/>
    </row>
    <row r="226" spans="1:75" ht="145.5" customHeight="1">
      <c r="A226" s="209" t="s">
        <v>206</v>
      </c>
      <c r="B226" s="209"/>
      <c r="C226" s="209"/>
      <c r="D226" s="209"/>
      <c r="E226" s="210" t="s">
        <v>165</v>
      </c>
      <c r="F226" s="210"/>
      <c r="G226" s="210"/>
      <c r="H226" s="210"/>
      <c r="I226" s="210"/>
      <c r="J226" s="210"/>
      <c r="K226" s="210"/>
      <c r="L226" s="210"/>
      <c r="M226" s="210"/>
      <c r="N226" s="210"/>
      <c r="O226" s="210"/>
      <c r="P226" s="210"/>
      <c r="Q226" s="210"/>
      <c r="R226" s="210"/>
      <c r="S226" s="210"/>
      <c r="T226" s="210"/>
      <c r="U226" s="210"/>
      <c r="V226" s="210"/>
      <c r="W226" s="210"/>
      <c r="X226" s="210"/>
      <c r="Y226" s="210"/>
      <c r="Z226" s="210"/>
      <c r="AA226" s="210"/>
      <c r="AB226" s="210"/>
      <c r="AC226" s="210"/>
      <c r="AD226" s="210"/>
      <c r="AE226" s="210"/>
      <c r="AF226" s="210"/>
      <c r="AG226" s="210"/>
      <c r="AH226" s="210"/>
      <c r="AI226" s="210"/>
      <c r="AJ226" s="210"/>
      <c r="AK226" s="210"/>
      <c r="AL226" s="210"/>
      <c r="AM226" s="210"/>
      <c r="AN226" s="210"/>
      <c r="AO226" s="210"/>
      <c r="AP226" s="210"/>
      <c r="AQ226" s="210"/>
      <c r="AR226" s="210"/>
      <c r="AS226" s="210"/>
      <c r="AT226" s="210"/>
      <c r="AU226" s="210"/>
      <c r="AV226" s="210"/>
      <c r="AW226" s="210"/>
      <c r="AX226" s="210"/>
      <c r="AY226" s="210"/>
      <c r="AZ226" s="210"/>
      <c r="BA226" s="210"/>
      <c r="BB226" s="210"/>
      <c r="BC226" s="210"/>
      <c r="BD226" s="210"/>
      <c r="BE226" s="210"/>
      <c r="BF226" s="210"/>
      <c r="BG226" s="210"/>
      <c r="BH226" s="210"/>
      <c r="BI226" s="210"/>
      <c r="BJ226" s="210"/>
      <c r="BK226" s="210"/>
      <c r="BL226" s="210"/>
      <c r="BM226" s="210"/>
      <c r="BN226" s="210"/>
    </row>
    <row r="227" spans="1:75" ht="20.100000000000001" customHeight="1">
      <c r="A227" s="209" t="s">
        <v>285</v>
      </c>
      <c r="B227" s="209"/>
      <c r="C227" s="209"/>
      <c r="D227" s="209"/>
      <c r="E227" s="102" t="s">
        <v>84</v>
      </c>
      <c r="F227" s="25"/>
      <c r="G227" s="25"/>
      <c r="H227" s="25"/>
      <c r="I227" s="25"/>
      <c r="J227" s="25"/>
      <c r="K227" s="25"/>
      <c r="L227" s="25"/>
      <c r="M227" s="25"/>
      <c r="N227" s="25"/>
      <c r="O227" s="25"/>
      <c r="P227" s="25"/>
      <c r="Q227" s="25"/>
      <c r="R227" s="32"/>
      <c r="S227" s="32"/>
    </row>
    <row r="228" spans="1:75" ht="20.100000000000001" customHeight="1">
      <c r="A228" s="209" t="s">
        <v>207</v>
      </c>
      <c r="B228" s="209"/>
      <c r="C228" s="209"/>
      <c r="D228" s="209"/>
      <c r="E228" s="102" t="s">
        <v>85</v>
      </c>
      <c r="F228" s="25"/>
      <c r="G228" s="25"/>
      <c r="H228" s="33"/>
      <c r="I228" s="33"/>
      <c r="J228" s="33"/>
      <c r="K228" s="33"/>
      <c r="L228" s="33"/>
      <c r="M228" s="33"/>
      <c r="N228" s="33"/>
      <c r="O228" s="33"/>
      <c r="P228" s="33"/>
      <c r="Q228" s="33"/>
      <c r="R228" s="34"/>
      <c r="S228" s="34"/>
    </row>
    <row r="229" spans="1:75" ht="35.25" customHeight="1">
      <c r="A229" s="209" t="s">
        <v>208</v>
      </c>
      <c r="B229" s="209"/>
      <c r="C229" s="209"/>
      <c r="D229" s="209"/>
      <c r="E229" s="210" t="s">
        <v>148</v>
      </c>
      <c r="F229" s="210"/>
      <c r="G229" s="210"/>
      <c r="H229" s="210"/>
      <c r="I229" s="210"/>
      <c r="J229" s="210"/>
      <c r="K229" s="210"/>
      <c r="L229" s="210"/>
      <c r="M229" s="210"/>
      <c r="N229" s="210"/>
      <c r="O229" s="210"/>
      <c r="P229" s="210"/>
      <c r="Q229" s="210"/>
      <c r="R229" s="210"/>
      <c r="S229" s="210"/>
      <c r="T229" s="210"/>
      <c r="U229" s="210"/>
      <c r="V229" s="210"/>
      <c r="W229" s="210"/>
      <c r="X229" s="210"/>
      <c r="Y229" s="210"/>
      <c r="Z229" s="210"/>
      <c r="AA229" s="210"/>
      <c r="AB229" s="210"/>
      <c r="AC229" s="210"/>
      <c r="AD229" s="210"/>
      <c r="AE229" s="210"/>
      <c r="AF229" s="210"/>
      <c r="AG229" s="210"/>
      <c r="AH229" s="210"/>
      <c r="AI229" s="210"/>
      <c r="AJ229" s="210"/>
      <c r="AK229" s="210"/>
      <c r="AL229" s="210"/>
      <c r="AM229" s="210"/>
      <c r="AN229" s="210"/>
      <c r="AO229" s="210"/>
      <c r="AP229" s="210"/>
      <c r="AQ229" s="210"/>
      <c r="AR229" s="210"/>
      <c r="AS229" s="210"/>
      <c r="AT229" s="210"/>
      <c r="AU229" s="210"/>
      <c r="AV229" s="210"/>
      <c r="AW229" s="210"/>
      <c r="AX229" s="210"/>
      <c r="AY229" s="210"/>
      <c r="AZ229" s="210"/>
      <c r="BA229" s="210"/>
      <c r="BB229" s="210"/>
      <c r="BC229" s="210"/>
      <c r="BD229" s="210"/>
      <c r="BE229" s="210"/>
      <c r="BF229" s="210"/>
      <c r="BG229" s="210"/>
      <c r="BH229" s="210"/>
      <c r="BI229" s="210"/>
      <c r="BJ229" s="210"/>
      <c r="BK229" s="210"/>
      <c r="BL229" s="210"/>
      <c r="BM229" s="210"/>
      <c r="BN229" s="210"/>
    </row>
    <row r="230" spans="1:75" ht="60" customHeight="1">
      <c r="A230" s="209" t="s">
        <v>209</v>
      </c>
      <c r="B230" s="209"/>
      <c r="C230" s="209"/>
      <c r="D230" s="209"/>
      <c r="E230" s="210" t="s">
        <v>244</v>
      </c>
      <c r="F230" s="210"/>
      <c r="G230" s="210"/>
      <c r="H230" s="210"/>
      <c r="I230" s="210"/>
      <c r="J230" s="210"/>
      <c r="K230" s="210"/>
      <c r="L230" s="210"/>
      <c r="M230" s="210"/>
      <c r="N230" s="210"/>
      <c r="O230" s="210"/>
      <c r="P230" s="210"/>
      <c r="Q230" s="210"/>
      <c r="R230" s="210"/>
      <c r="S230" s="210"/>
      <c r="T230" s="210"/>
      <c r="U230" s="210"/>
      <c r="V230" s="210"/>
      <c r="W230" s="210"/>
      <c r="X230" s="210"/>
      <c r="Y230" s="210"/>
      <c r="Z230" s="210"/>
      <c r="AA230" s="210"/>
      <c r="AB230" s="210"/>
      <c r="AC230" s="210"/>
      <c r="AD230" s="210"/>
      <c r="AE230" s="210"/>
      <c r="AF230" s="210"/>
      <c r="AG230" s="210"/>
      <c r="AH230" s="210"/>
      <c r="AI230" s="210"/>
      <c r="AJ230" s="210"/>
      <c r="AK230" s="210"/>
      <c r="AL230" s="210"/>
      <c r="AM230" s="210"/>
      <c r="AN230" s="210"/>
      <c r="AO230" s="210"/>
      <c r="AP230" s="210"/>
      <c r="AQ230" s="210"/>
      <c r="AR230" s="210"/>
      <c r="AS230" s="210"/>
      <c r="AT230" s="210"/>
      <c r="AU230" s="210"/>
      <c r="AV230" s="210"/>
      <c r="AW230" s="210"/>
      <c r="AX230" s="210"/>
      <c r="AY230" s="210"/>
      <c r="AZ230" s="210"/>
      <c r="BA230" s="210"/>
      <c r="BB230" s="210"/>
      <c r="BC230" s="210"/>
      <c r="BD230" s="210"/>
      <c r="BE230" s="210"/>
      <c r="BF230" s="210"/>
      <c r="BG230" s="210"/>
      <c r="BH230" s="210"/>
      <c r="BI230" s="210"/>
      <c r="BJ230" s="210"/>
      <c r="BK230" s="210"/>
      <c r="BL230" s="210"/>
      <c r="BM230" s="210"/>
      <c r="BN230" s="210"/>
    </row>
    <row r="231" spans="1:75" ht="12" customHeight="1">
      <c r="A231" s="135"/>
      <c r="B231" s="135"/>
      <c r="C231" s="135"/>
      <c r="D231" s="135"/>
      <c r="E231" s="136"/>
      <c r="F231" s="136"/>
      <c r="G231" s="136"/>
      <c r="H231" s="136"/>
      <c r="I231" s="136"/>
      <c r="J231" s="136"/>
      <c r="K231" s="136"/>
      <c r="L231" s="136"/>
      <c r="M231" s="136"/>
      <c r="N231" s="136"/>
      <c r="O231" s="136"/>
      <c r="P231" s="136"/>
      <c r="Q231" s="136"/>
      <c r="R231" s="136"/>
      <c r="S231" s="136"/>
      <c r="T231" s="136"/>
      <c r="U231" s="136"/>
      <c r="V231" s="136"/>
      <c r="W231" s="136"/>
      <c r="X231" s="136"/>
      <c r="Y231" s="136"/>
      <c r="Z231" s="136"/>
      <c r="AA231" s="136"/>
      <c r="AB231" s="136"/>
      <c r="AC231" s="136"/>
      <c r="AD231" s="136"/>
      <c r="AE231" s="136"/>
      <c r="AF231" s="136"/>
      <c r="AG231" s="136"/>
      <c r="AH231" s="136"/>
      <c r="AI231" s="136"/>
      <c r="AJ231" s="136"/>
      <c r="AK231" s="136"/>
      <c r="AL231" s="136"/>
      <c r="AM231" s="136"/>
      <c r="AN231" s="136"/>
      <c r="AO231" s="136"/>
      <c r="AP231" s="136"/>
      <c r="AQ231" s="136"/>
      <c r="AR231" s="136"/>
      <c r="AS231" s="136"/>
      <c r="AT231" s="136"/>
      <c r="AU231" s="136"/>
      <c r="AV231" s="136"/>
      <c r="AW231" s="136"/>
      <c r="AX231" s="136"/>
      <c r="AY231" s="136"/>
      <c r="AZ231" s="136"/>
      <c r="BA231" s="136"/>
      <c r="BB231" s="136"/>
      <c r="BC231" s="136"/>
      <c r="BD231" s="136"/>
      <c r="BE231" s="136"/>
      <c r="BF231" s="136"/>
      <c r="BG231" s="136"/>
      <c r="BH231" s="136"/>
      <c r="BI231" s="136"/>
      <c r="BJ231" s="136"/>
      <c r="BK231" s="136"/>
      <c r="BL231" s="136"/>
      <c r="BM231" s="136"/>
      <c r="BN231" s="136"/>
    </row>
    <row r="232" spans="1:75" ht="54" customHeight="1">
      <c r="A232" s="212" t="s">
        <v>210</v>
      </c>
      <c r="B232" s="212"/>
      <c r="C232" s="212"/>
      <c r="D232" s="212"/>
      <c r="E232" s="213" t="s">
        <v>86</v>
      </c>
      <c r="F232" s="213"/>
      <c r="G232" s="213"/>
      <c r="H232" s="213"/>
      <c r="I232" s="213"/>
      <c r="J232" s="213"/>
      <c r="K232" s="213"/>
      <c r="L232" s="213"/>
      <c r="M232" s="213"/>
      <c r="N232" s="213"/>
      <c r="O232" s="213"/>
      <c r="P232" s="213"/>
      <c r="Q232" s="213"/>
      <c r="R232" s="213"/>
      <c r="S232" s="213"/>
      <c r="T232" s="213"/>
      <c r="U232" s="213"/>
      <c r="V232" s="213"/>
      <c r="W232" s="213"/>
      <c r="X232" s="213"/>
      <c r="Y232" s="213"/>
      <c r="Z232" s="213"/>
      <c r="AA232" s="213"/>
      <c r="AB232" s="213"/>
      <c r="AC232" s="213"/>
      <c r="AD232" s="213"/>
      <c r="AE232" s="213"/>
      <c r="AF232" s="213"/>
      <c r="AG232" s="213"/>
      <c r="AH232" s="213"/>
      <c r="AI232" s="213"/>
      <c r="AJ232" s="213"/>
      <c r="AK232" s="213"/>
      <c r="AL232" s="213"/>
      <c r="AM232" s="213"/>
      <c r="AN232" s="213"/>
      <c r="AO232" s="213"/>
      <c r="AP232" s="213"/>
      <c r="AQ232" s="213"/>
      <c r="AR232" s="213"/>
      <c r="AS232" s="213"/>
      <c r="AT232" s="213"/>
      <c r="AU232" s="213"/>
      <c r="AV232" s="213"/>
      <c r="AW232" s="213"/>
      <c r="AX232" s="213"/>
      <c r="AY232" s="213"/>
      <c r="AZ232" s="213"/>
      <c r="BA232" s="213"/>
      <c r="BB232" s="213"/>
      <c r="BC232" s="213"/>
      <c r="BD232" s="213"/>
      <c r="BE232" s="213"/>
      <c r="BF232" s="213"/>
      <c r="BG232" s="213"/>
      <c r="BH232" s="213"/>
      <c r="BI232" s="213"/>
      <c r="BJ232" s="213"/>
      <c r="BK232" s="213"/>
      <c r="BL232" s="213"/>
      <c r="BM232" s="213"/>
      <c r="BN232" s="213"/>
    </row>
    <row r="233" spans="1:75" ht="20.100000000000001" customHeight="1">
      <c r="A233" s="70"/>
      <c r="B233" s="70"/>
      <c r="C233" s="70"/>
      <c r="D233" s="70"/>
      <c r="E233" s="70" t="s">
        <v>87</v>
      </c>
      <c r="F233" s="70"/>
      <c r="G233" s="70"/>
      <c r="H233" s="70"/>
      <c r="I233" s="70"/>
      <c r="J233" s="70"/>
      <c r="K233" s="70"/>
      <c r="L233" s="70"/>
      <c r="M233" s="70"/>
      <c r="N233" s="70"/>
      <c r="O233" s="70"/>
      <c r="P233" s="70"/>
      <c r="Q233" s="70"/>
      <c r="R233" s="94"/>
      <c r="S233" s="94"/>
      <c r="T233" s="70"/>
      <c r="U233" s="70"/>
      <c r="V233" s="70"/>
      <c r="W233" s="70"/>
      <c r="X233" s="70"/>
      <c r="Y233" s="70"/>
      <c r="Z233" s="70"/>
      <c r="AA233" s="70"/>
      <c r="AB233" s="70"/>
      <c r="AC233" s="70"/>
      <c r="AD233" s="70"/>
      <c r="AE233" s="70"/>
      <c r="AF233" s="70"/>
      <c r="AG233" s="70"/>
      <c r="AH233" s="70"/>
      <c r="AI233" s="70"/>
      <c r="AJ233" s="70"/>
      <c r="AK233" s="70"/>
      <c r="AL233" s="70"/>
      <c r="AM233" s="70"/>
      <c r="AN233" s="70"/>
      <c r="AO233" s="70"/>
      <c r="AP233" s="70"/>
      <c r="AQ233" s="70"/>
      <c r="AR233" s="70"/>
      <c r="AS233" s="70"/>
      <c r="AT233" s="70"/>
      <c r="AU233" s="70"/>
      <c r="AV233" s="70"/>
      <c r="AW233" s="70"/>
      <c r="AX233" s="70"/>
      <c r="AY233" s="70"/>
      <c r="AZ233" s="70"/>
      <c r="BA233" s="70"/>
      <c r="BB233" s="70"/>
      <c r="BC233" s="70"/>
      <c r="BD233" s="70"/>
      <c r="BE233" s="70"/>
      <c r="BF233" s="70"/>
      <c r="BG233" s="70"/>
      <c r="BH233" s="70"/>
      <c r="BI233" s="70"/>
      <c r="BJ233" s="70"/>
      <c r="BK233" s="70"/>
    </row>
    <row r="234" spans="1:75" ht="35.25" customHeight="1">
      <c r="A234" s="70"/>
      <c r="B234" s="70"/>
      <c r="C234" s="70"/>
      <c r="D234" s="94"/>
      <c r="E234" s="94"/>
      <c r="F234" s="94"/>
      <c r="G234" s="213" t="s">
        <v>88</v>
      </c>
      <c r="H234" s="213"/>
      <c r="I234" s="213"/>
      <c r="J234" s="213"/>
      <c r="K234" s="213"/>
      <c r="L234" s="213"/>
      <c r="M234" s="213"/>
      <c r="N234" s="213"/>
      <c r="O234" s="213"/>
      <c r="P234" s="213"/>
      <c r="Q234" s="213"/>
      <c r="R234" s="213"/>
      <c r="S234" s="213"/>
      <c r="T234" s="213"/>
      <c r="U234" s="213"/>
      <c r="V234" s="213"/>
      <c r="W234" s="213"/>
      <c r="X234" s="213"/>
      <c r="Y234" s="213"/>
      <c r="Z234" s="213"/>
      <c r="AA234" s="213"/>
      <c r="AB234" s="213"/>
      <c r="AC234" s="213"/>
      <c r="AD234" s="213"/>
      <c r="AE234" s="213"/>
      <c r="AF234" s="213"/>
      <c r="AG234" s="213"/>
      <c r="AH234" s="213"/>
      <c r="AI234" s="213"/>
      <c r="AJ234" s="213"/>
      <c r="AK234" s="213"/>
      <c r="AL234" s="213"/>
      <c r="AM234" s="213"/>
      <c r="AN234" s="213"/>
      <c r="AO234" s="213"/>
      <c r="AP234" s="213"/>
      <c r="AQ234" s="213"/>
      <c r="AR234" s="213"/>
      <c r="AS234" s="213"/>
      <c r="AT234" s="213"/>
      <c r="AU234" s="213"/>
      <c r="AV234" s="213"/>
      <c r="AW234" s="213"/>
      <c r="AX234" s="213"/>
      <c r="AY234" s="213"/>
      <c r="AZ234" s="213"/>
      <c r="BA234" s="213"/>
      <c r="BB234" s="213"/>
      <c r="BC234" s="213"/>
      <c r="BD234" s="213"/>
      <c r="BE234" s="213"/>
      <c r="BF234" s="213"/>
      <c r="BG234" s="213"/>
      <c r="BH234" s="213"/>
      <c r="BI234" s="213"/>
      <c r="BJ234" s="213"/>
      <c r="BK234" s="70"/>
    </row>
    <row r="235" spans="1:75" ht="20.100000000000001" customHeight="1">
      <c r="A235" s="70"/>
      <c r="B235" s="70"/>
      <c r="C235" s="70"/>
      <c r="D235" s="70"/>
      <c r="E235" s="70" t="s">
        <v>89</v>
      </c>
      <c r="F235" s="70"/>
      <c r="G235" s="70"/>
      <c r="H235" s="70"/>
      <c r="I235" s="70"/>
      <c r="J235" s="70"/>
      <c r="K235" s="70"/>
      <c r="L235" s="70"/>
      <c r="M235" s="70"/>
      <c r="N235" s="70"/>
      <c r="O235" s="70"/>
      <c r="P235" s="70"/>
      <c r="Q235" s="70"/>
      <c r="R235" s="94"/>
      <c r="S235" s="94"/>
      <c r="T235" s="70"/>
      <c r="U235" s="70"/>
      <c r="V235" s="70"/>
      <c r="W235" s="70"/>
      <c r="X235" s="70"/>
      <c r="Y235" s="70"/>
      <c r="Z235" s="70"/>
      <c r="AA235" s="70"/>
      <c r="AB235" s="70"/>
      <c r="AC235" s="70"/>
      <c r="AD235" s="70"/>
      <c r="AE235" s="70"/>
      <c r="AF235" s="70"/>
      <c r="AG235" s="70"/>
      <c r="AH235" s="70"/>
      <c r="AI235" s="70"/>
      <c r="AJ235" s="70"/>
      <c r="AK235" s="70"/>
      <c r="AL235" s="70"/>
      <c r="AM235" s="70"/>
      <c r="AN235" s="70"/>
      <c r="AO235" s="70"/>
      <c r="AP235" s="70"/>
      <c r="AQ235" s="70"/>
      <c r="AR235" s="70"/>
      <c r="AS235" s="70"/>
      <c r="AT235" s="70"/>
      <c r="AU235" s="70"/>
      <c r="AV235" s="70"/>
      <c r="AW235" s="70"/>
      <c r="AX235" s="70"/>
      <c r="AY235" s="70"/>
      <c r="AZ235" s="70"/>
      <c r="BA235" s="70"/>
      <c r="BB235" s="70"/>
      <c r="BC235" s="70"/>
      <c r="BD235" s="70"/>
      <c r="BE235" s="70"/>
      <c r="BF235" s="70"/>
      <c r="BG235" s="70"/>
      <c r="BH235" s="70"/>
      <c r="BI235" s="70"/>
      <c r="BJ235" s="70"/>
      <c r="BK235" s="70"/>
    </row>
    <row r="236" spans="1:75" ht="35.25" customHeight="1">
      <c r="A236" s="70"/>
      <c r="B236" s="70"/>
      <c r="C236" s="70"/>
      <c r="D236" s="94"/>
      <c r="E236" s="94"/>
      <c r="F236" s="94"/>
      <c r="G236" s="213" t="s">
        <v>90</v>
      </c>
      <c r="H236" s="213"/>
      <c r="I236" s="213"/>
      <c r="J236" s="213"/>
      <c r="K236" s="213"/>
      <c r="L236" s="213"/>
      <c r="M236" s="213"/>
      <c r="N236" s="213"/>
      <c r="O236" s="213"/>
      <c r="P236" s="213"/>
      <c r="Q236" s="213"/>
      <c r="R236" s="213"/>
      <c r="S236" s="213"/>
      <c r="T236" s="213"/>
      <c r="U236" s="213"/>
      <c r="V236" s="213"/>
      <c r="W236" s="213"/>
      <c r="X236" s="213"/>
      <c r="Y236" s="213"/>
      <c r="Z236" s="213"/>
      <c r="AA236" s="213"/>
      <c r="AB236" s="213"/>
      <c r="AC236" s="213"/>
      <c r="AD236" s="213"/>
      <c r="AE236" s="213"/>
      <c r="AF236" s="213"/>
      <c r="AG236" s="213"/>
      <c r="AH236" s="213"/>
      <c r="AI236" s="213"/>
      <c r="AJ236" s="213"/>
      <c r="AK236" s="213"/>
      <c r="AL236" s="213"/>
      <c r="AM236" s="213"/>
      <c r="AN236" s="213"/>
      <c r="AO236" s="213"/>
      <c r="AP236" s="213"/>
      <c r="AQ236" s="213"/>
      <c r="AR236" s="213"/>
      <c r="AS236" s="213"/>
      <c r="AT236" s="213"/>
      <c r="AU236" s="213"/>
      <c r="AV236" s="213"/>
      <c r="AW236" s="213"/>
      <c r="AX236" s="213"/>
      <c r="AY236" s="213"/>
      <c r="AZ236" s="213"/>
      <c r="BA236" s="213"/>
      <c r="BB236" s="213"/>
      <c r="BC236" s="213"/>
      <c r="BD236" s="213"/>
      <c r="BE236" s="213"/>
      <c r="BF236" s="213"/>
      <c r="BG236" s="213"/>
      <c r="BH236" s="213"/>
      <c r="BI236" s="213"/>
      <c r="BJ236" s="213"/>
      <c r="BK236" s="70"/>
    </row>
    <row r="237" spans="1:75" ht="20.100000000000001" customHeight="1">
      <c r="A237" s="70"/>
      <c r="B237" s="70"/>
      <c r="C237" s="70"/>
      <c r="D237" s="70"/>
      <c r="E237" s="70" t="s">
        <v>91</v>
      </c>
      <c r="F237" s="70"/>
      <c r="G237" s="70"/>
      <c r="H237" s="70"/>
      <c r="I237" s="70"/>
      <c r="J237" s="70"/>
      <c r="K237" s="70"/>
      <c r="L237" s="70"/>
      <c r="M237" s="70"/>
      <c r="N237" s="70"/>
      <c r="O237" s="70"/>
      <c r="P237" s="70"/>
      <c r="Q237" s="70"/>
      <c r="R237" s="94"/>
      <c r="S237" s="94"/>
      <c r="T237" s="70"/>
      <c r="U237" s="70"/>
      <c r="V237" s="70"/>
      <c r="W237" s="70"/>
      <c r="X237" s="70"/>
      <c r="Y237" s="70"/>
      <c r="Z237" s="70"/>
      <c r="AA237" s="70"/>
      <c r="AB237" s="70"/>
      <c r="AC237" s="70"/>
      <c r="AD237" s="70"/>
      <c r="AE237" s="70"/>
      <c r="AF237" s="70"/>
      <c r="AG237" s="70"/>
      <c r="AH237" s="70"/>
      <c r="AI237" s="70"/>
      <c r="AJ237" s="70"/>
      <c r="AK237" s="70"/>
      <c r="AL237" s="70"/>
      <c r="AM237" s="70"/>
      <c r="AN237" s="70"/>
      <c r="AO237" s="70"/>
      <c r="AP237" s="70"/>
      <c r="AQ237" s="70"/>
      <c r="AR237" s="70"/>
      <c r="AS237" s="70"/>
      <c r="AT237" s="70"/>
      <c r="AU237" s="70"/>
      <c r="AV237" s="70"/>
      <c r="AW237" s="70"/>
      <c r="AX237" s="70"/>
      <c r="AY237" s="70"/>
      <c r="AZ237" s="70"/>
      <c r="BA237" s="70"/>
      <c r="BB237" s="70"/>
      <c r="BC237" s="70"/>
      <c r="BD237" s="70"/>
      <c r="BE237" s="70"/>
      <c r="BF237" s="70"/>
      <c r="BG237" s="70"/>
      <c r="BH237" s="70"/>
      <c r="BI237" s="70"/>
      <c r="BJ237" s="70"/>
      <c r="BK237" s="70"/>
    </row>
    <row r="238" spans="1:75" ht="19.5" customHeight="1">
      <c r="A238" s="70"/>
      <c r="B238" s="70"/>
      <c r="C238" s="70"/>
      <c r="D238" s="94"/>
      <c r="E238" s="94"/>
      <c r="F238" s="94"/>
      <c r="G238" s="213" t="s">
        <v>92</v>
      </c>
      <c r="H238" s="213"/>
      <c r="I238" s="213"/>
      <c r="J238" s="213"/>
      <c r="K238" s="213"/>
      <c r="L238" s="213"/>
      <c r="M238" s="213"/>
      <c r="N238" s="213"/>
      <c r="O238" s="213"/>
      <c r="P238" s="213"/>
      <c r="Q238" s="213"/>
      <c r="R238" s="213"/>
      <c r="S238" s="213"/>
      <c r="T238" s="213"/>
      <c r="U238" s="213"/>
      <c r="V238" s="213"/>
      <c r="W238" s="213"/>
      <c r="X238" s="213"/>
      <c r="Y238" s="213"/>
      <c r="Z238" s="213"/>
      <c r="AA238" s="213"/>
      <c r="AB238" s="213"/>
      <c r="AC238" s="213"/>
      <c r="AD238" s="213"/>
      <c r="AE238" s="213"/>
      <c r="AF238" s="213"/>
      <c r="AG238" s="213"/>
      <c r="AH238" s="213"/>
      <c r="AI238" s="213"/>
      <c r="AJ238" s="213"/>
      <c r="AK238" s="213"/>
      <c r="AL238" s="213"/>
      <c r="AM238" s="213"/>
      <c r="AN238" s="213"/>
      <c r="AO238" s="213"/>
      <c r="AP238" s="213"/>
      <c r="AQ238" s="213"/>
      <c r="AR238" s="213"/>
      <c r="AS238" s="213"/>
      <c r="AT238" s="213"/>
      <c r="AU238" s="213"/>
      <c r="AV238" s="213"/>
      <c r="AW238" s="213"/>
      <c r="AX238" s="213"/>
      <c r="AY238" s="213"/>
      <c r="AZ238" s="213"/>
      <c r="BA238" s="213"/>
      <c r="BB238" s="213"/>
      <c r="BC238" s="213"/>
      <c r="BD238" s="213"/>
      <c r="BE238" s="213"/>
      <c r="BF238" s="213"/>
      <c r="BG238" s="213"/>
      <c r="BH238" s="213"/>
      <c r="BI238" s="213"/>
      <c r="BJ238" s="213"/>
      <c r="BK238" s="70"/>
    </row>
    <row r="239" spans="1:75" ht="20.100000000000001" customHeight="1">
      <c r="A239" s="70"/>
      <c r="B239" s="70"/>
      <c r="C239" s="70"/>
      <c r="D239" s="70"/>
      <c r="E239" s="70" t="s">
        <v>93</v>
      </c>
      <c r="F239" s="70"/>
      <c r="G239" s="70"/>
      <c r="H239" s="70"/>
      <c r="I239" s="70"/>
      <c r="J239" s="70"/>
      <c r="K239" s="70"/>
      <c r="L239" s="70"/>
      <c r="M239" s="70"/>
      <c r="N239" s="70"/>
      <c r="O239" s="70"/>
      <c r="P239" s="70"/>
      <c r="Q239" s="70"/>
      <c r="R239" s="70"/>
      <c r="S239" s="70"/>
      <c r="T239" s="70"/>
      <c r="U239" s="70"/>
      <c r="V239" s="70"/>
      <c r="W239" s="70"/>
      <c r="X239" s="70"/>
      <c r="Y239" s="70"/>
      <c r="Z239" s="70"/>
      <c r="AA239" s="70"/>
      <c r="AB239" s="70"/>
      <c r="AC239" s="70"/>
      <c r="AD239" s="70"/>
      <c r="AE239" s="70"/>
      <c r="AF239" s="70"/>
      <c r="AG239" s="70"/>
      <c r="AH239" s="70"/>
      <c r="AI239" s="70"/>
      <c r="AJ239" s="70"/>
      <c r="AK239" s="70"/>
      <c r="AL239" s="70"/>
      <c r="AM239" s="70"/>
      <c r="AN239" s="70"/>
      <c r="AO239" s="70"/>
      <c r="AP239" s="70"/>
      <c r="AQ239" s="70"/>
      <c r="AR239" s="70"/>
      <c r="AS239" s="70"/>
      <c r="AT239" s="70"/>
      <c r="AU239" s="70"/>
      <c r="AV239" s="70"/>
      <c r="AW239" s="70"/>
      <c r="AX239" s="70"/>
      <c r="AY239" s="70"/>
      <c r="AZ239" s="70"/>
      <c r="BA239" s="70"/>
      <c r="BB239" s="70"/>
      <c r="BC239" s="70"/>
      <c r="BD239" s="70"/>
      <c r="BE239" s="70"/>
      <c r="BF239" s="70"/>
      <c r="BG239" s="70"/>
      <c r="BH239" s="70"/>
      <c r="BI239" s="70"/>
      <c r="BJ239" s="70"/>
      <c r="BK239" s="70"/>
      <c r="BL239" s="139"/>
      <c r="BM239" s="139"/>
      <c r="BN239" s="139"/>
      <c r="BO239" s="139"/>
      <c r="BP239" s="139"/>
      <c r="BQ239" s="139"/>
      <c r="BR239" s="139"/>
      <c r="BS239" s="139"/>
      <c r="BT239" s="139"/>
      <c r="BU239" s="139"/>
      <c r="BV239" s="139"/>
      <c r="BW239" s="139"/>
    </row>
    <row r="240" spans="1:75" ht="20.100000000000001" customHeight="1">
      <c r="A240" s="70"/>
      <c r="B240" s="70"/>
      <c r="C240" s="70"/>
      <c r="D240" s="70"/>
      <c r="E240" s="94"/>
      <c r="F240" s="94"/>
      <c r="G240" s="94" t="s">
        <v>94</v>
      </c>
      <c r="H240" s="94"/>
      <c r="I240" s="94"/>
      <c r="J240" s="94"/>
      <c r="K240" s="94"/>
      <c r="L240" s="94"/>
      <c r="M240" s="94"/>
      <c r="N240" s="94"/>
      <c r="O240" s="94"/>
      <c r="P240" s="94"/>
      <c r="Q240" s="94"/>
      <c r="R240" s="94"/>
      <c r="S240" s="94"/>
      <c r="T240" s="94"/>
      <c r="U240" s="94"/>
      <c r="V240" s="94"/>
      <c r="W240" s="94"/>
      <c r="X240" s="94"/>
      <c r="Y240" s="94"/>
      <c r="Z240" s="94"/>
      <c r="AA240" s="94"/>
      <c r="AB240" s="94"/>
      <c r="AC240" s="94"/>
      <c r="AD240" s="94"/>
      <c r="AE240" s="94"/>
      <c r="AF240" s="94"/>
      <c r="AG240" s="94"/>
      <c r="AH240" s="94"/>
      <c r="AI240" s="94"/>
      <c r="AJ240" s="94"/>
      <c r="AK240" s="94"/>
      <c r="AL240" s="94"/>
      <c r="AM240" s="94"/>
      <c r="AN240" s="94"/>
      <c r="AO240" s="94"/>
      <c r="AP240" s="94"/>
      <c r="AQ240" s="94"/>
      <c r="AR240" s="94"/>
      <c r="AS240" s="94"/>
      <c r="AT240" s="94"/>
      <c r="AU240" s="94"/>
      <c r="AV240" s="94"/>
      <c r="AW240" s="94"/>
      <c r="AX240" s="94"/>
      <c r="AY240" s="94"/>
      <c r="AZ240" s="94"/>
      <c r="BA240" s="94"/>
      <c r="BB240" s="94"/>
      <c r="BC240" s="94"/>
      <c r="BD240" s="94"/>
      <c r="BE240" s="94"/>
      <c r="BF240" s="94"/>
      <c r="BG240" s="94"/>
      <c r="BH240" s="94"/>
      <c r="BI240" s="94"/>
      <c r="BJ240" s="94"/>
      <c r="BK240" s="94"/>
      <c r="BL240" s="136"/>
      <c r="BM240" s="136"/>
      <c r="BN240" s="136"/>
      <c r="BO240" s="136"/>
      <c r="BP240" s="136"/>
      <c r="BQ240" s="136"/>
      <c r="BR240" s="136"/>
      <c r="BS240" s="136"/>
      <c r="BT240" s="136"/>
      <c r="BU240" s="136"/>
      <c r="BV240" s="136"/>
    </row>
    <row r="241" spans="1:69" ht="20.100000000000001" customHeight="1">
      <c r="A241" s="70"/>
      <c r="B241" s="70"/>
      <c r="C241" s="70"/>
      <c r="D241" s="70"/>
      <c r="E241" s="70" t="s">
        <v>211</v>
      </c>
      <c r="F241" s="70"/>
      <c r="G241" s="70"/>
      <c r="H241" s="70"/>
      <c r="I241" s="70"/>
      <c r="J241" s="70"/>
      <c r="K241" s="70"/>
      <c r="L241" s="70"/>
      <c r="M241" s="70"/>
      <c r="N241" s="70"/>
      <c r="O241" s="70"/>
      <c r="P241" s="70"/>
      <c r="Q241" s="70"/>
      <c r="R241" s="70"/>
      <c r="S241" s="70"/>
      <c r="T241" s="70"/>
      <c r="U241" s="70"/>
      <c r="V241" s="70"/>
      <c r="W241" s="70"/>
      <c r="X241" s="70"/>
      <c r="Y241" s="70"/>
      <c r="Z241" s="70"/>
      <c r="AA241" s="70"/>
      <c r="AB241" s="70"/>
      <c r="AC241" s="70"/>
      <c r="AD241" s="70"/>
      <c r="AE241" s="70"/>
      <c r="AF241" s="70"/>
      <c r="AG241" s="70"/>
      <c r="AH241" s="70"/>
      <c r="AI241" s="70"/>
      <c r="AJ241" s="70"/>
      <c r="AK241" s="70"/>
      <c r="AL241" s="70"/>
      <c r="AM241" s="70"/>
      <c r="AN241" s="70"/>
      <c r="AO241" s="70"/>
      <c r="AP241" s="70"/>
      <c r="AQ241" s="70"/>
      <c r="AR241" s="70"/>
      <c r="AS241" s="70"/>
      <c r="AT241" s="70"/>
      <c r="AU241" s="70"/>
      <c r="AV241" s="70"/>
      <c r="AW241" s="70"/>
      <c r="AX241" s="70"/>
      <c r="AY241" s="70"/>
      <c r="AZ241" s="70"/>
      <c r="BA241" s="70"/>
      <c r="BB241" s="70"/>
      <c r="BC241" s="70"/>
      <c r="BD241" s="70"/>
      <c r="BE241" s="70"/>
      <c r="BF241" s="70"/>
      <c r="BG241" s="70"/>
      <c r="BH241" s="70"/>
      <c r="BI241" s="70"/>
      <c r="BJ241" s="70"/>
      <c r="BK241" s="70"/>
      <c r="BL241" s="139"/>
      <c r="BM241" s="139"/>
      <c r="BN241" s="139"/>
      <c r="BO241" s="139"/>
      <c r="BP241" s="139"/>
      <c r="BQ241" s="139"/>
    </row>
    <row r="242" spans="1:69" ht="20.100000000000001" customHeight="1">
      <c r="A242" s="70"/>
      <c r="B242" s="70"/>
      <c r="C242" s="70"/>
      <c r="D242" s="70"/>
      <c r="E242" s="70"/>
      <c r="F242" s="70"/>
      <c r="G242" s="70" t="s">
        <v>212</v>
      </c>
      <c r="H242" s="70"/>
      <c r="I242" s="70"/>
      <c r="J242" s="70"/>
      <c r="K242" s="70"/>
      <c r="L242" s="70"/>
      <c r="M242" s="70"/>
      <c r="N242" s="70"/>
      <c r="O242" s="70"/>
      <c r="P242" s="70"/>
      <c r="Q242" s="70"/>
      <c r="R242" s="70"/>
      <c r="S242" s="70"/>
      <c r="T242" s="70"/>
      <c r="U242" s="70"/>
      <c r="V242" s="70"/>
      <c r="W242" s="70"/>
      <c r="X242" s="70"/>
      <c r="Y242" s="70"/>
      <c r="Z242" s="70"/>
      <c r="AA242" s="70"/>
      <c r="AB242" s="70"/>
      <c r="AC242" s="71"/>
      <c r="AD242" s="71"/>
      <c r="AE242" s="71"/>
      <c r="AF242" s="71"/>
      <c r="AG242" s="71"/>
      <c r="AH242" s="71"/>
      <c r="AI242" s="70"/>
      <c r="AJ242" s="70"/>
      <c r="AK242" s="70"/>
      <c r="AL242" s="70"/>
      <c r="AM242" s="70"/>
      <c r="AN242" s="70"/>
      <c r="AO242" s="70"/>
      <c r="AP242" s="70"/>
      <c r="AQ242" s="70"/>
      <c r="AR242" s="70"/>
      <c r="AS242" s="70"/>
      <c r="AT242" s="70"/>
      <c r="AU242" s="70"/>
      <c r="AV242" s="70"/>
      <c r="AW242" s="70"/>
      <c r="AX242" s="70"/>
      <c r="AY242" s="70"/>
      <c r="AZ242" s="70"/>
      <c r="BA242" s="71"/>
      <c r="BB242" s="71"/>
      <c r="BC242" s="71"/>
      <c r="BD242" s="71"/>
      <c r="BE242" s="70"/>
      <c r="BF242" s="70"/>
      <c r="BG242" s="71"/>
      <c r="BH242" s="71"/>
      <c r="BI242" s="71"/>
      <c r="BJ242" s="71"/>
      <c r="BK242" s="71"/>
      <c r="BL242" s="93"/>
    </row>
    <row r="243" spans="1:69" ht="19.5" customHeight="1">
      <c r="A243" s="209" t="s">
        <v>95</v>
      </c>
      <c r="B243" s="209"/>
      <c r="C243" s="209"/>
      <c r="D243" s="209"/>
      <c r="E243" s="102" t="s">
        <v>179</v>
      </c>
      <c r="AC243" s="93"/>
      <c r="AD243" s="93"/>
      <c r="AE243" s="93"/>
      <c r="AF243" s="93"/>
      <c r="AG243" s="93"/>
      <c r="AH243" s="93"/>
      <c r="BA243" s="93"/>
      <c r="BB243" s="93"/>
      <c r="BC243" s="93"/>
      <c r="BD243" s="93"/>
      <c r="BG243" s="93"/>
      <c r="BH243" s="93"/>
      <c r="BI243" s="93"/>
      <c r="BJ243" s="93"/>
      <c r="BK243" s="93"/>
      <c r="BL243" s="93"/>
    </row>
    <row r="244" spans="1:69" ht="71.25" customHeight="1">
      <c r="A244" s="211" t="s">
        <v>169</v>
      </c>
      <c r="B244" s="211"/>
      <c r="C244" s="211"/>
      <c r="D244" s="211"/>
      <c r="E244" s="210" t="s">
        <v>232</v>
      </c>
      <c r="F244" s="210"/>
      <c r="G244" s="210"/>
      <c r="H244" s="210"/>
      <c r="I244" s="210"/>
      <c r="J244" s="210"/>
      <c r="K244" s="210"/>
      <c r="L244" s="210"/>
      <c r="M244" s="210"/>
      <c r="N244" s="210"/>
      <c r="O244" s="210"/>
      <c r="P244" s="210"/>
      <c r="Q244" s="210"/>
      <c r="R244" s="210"/>
      <c r="S244" s="210"/>
      <c r="T244" s="210"/>
      <c r="U244" s="210"/>
      <c r="V244" s="210"/>
      <c r="W244" s="210"/>
      <c r="X244" s="210"/>
      <c r="Y244" s="210"/>
      <c r="Z244" s="210"/>
      <c r="AA244" s="210"/>
      <c r="AB244" s="210"/>
      <c r="AC244" s="210"/>
      <c r="AD244" s="210"/>
      <c r="AE244" s="210"/>
      <c r="AF244" s="210"/>
      <c r="AG244" s="210"/>
      <c r="AH244" s="210"/>
      <c r="AI244" s="210"/>
      <c r="AJ244" s="210"/>
      <c r="AK244" s="210"/>
      <c r="AL244" s="210"/>
      <c r="AM244" s="210"/>
      <c r="AN244" s="210"/>
      <c r="AO244" s="210"/>
      <c r="AP244" s="210"/>
      <c r="AQ244" s="210"/>
      <c r="AR244" s="210"/>
      <c r="AS244" s="210"/>
      <c r="AT244" s="210"/>
      <c r="AU244" s="210"/>
      <c r="AV244" s="210"/>
      <c r="AW244" s="210"/>
      <c r="AX244" s="210"/>
      <c r="AY244" s="210"/>
      <c r="AZ244" s="210"/>
      <c r="BA244" s="210"/>
      <c r="BB244" s="210"/>
      <c r="BC244" s="210"/>
      <c r="BD244" s="210"/>
      <c r="BE244" s="210"/>
      <c r="BF244" s="210"/>
      <c r="BG244" s="210"/>
      <c r="BH244" s="210"/>
      <c r="BI244" s="210"/>
      <c r="BJ244" s="210"/>
      <c r="BK244" s="210"/>
      <c r="BL244" s="210"/>
      <c r="BM244" s="210"/>
      <c r="BN244" s="210"/>
    </row>
    <row r="245" spans="1:69" ht="39.75" customHeight="1">
      <c r="A245" s="211" t="s">
        <v>171</v>
      </c>
      <c r="B245" s="211"/>
      <c r="C245" s="211"/>
      <c r="D245" s="211"/>
      <c r="E245" s="210" t="s">
        <v>172</v>
      </c>
      <c r="F245" s="210"/>
      <c r="G245" s="210"/>
      <c r="H245" s="210"/>
      <c r="I245" s="210"/>
      <c r="J245" s="210"/>
      <c r="K245" s="210"/>
      <c r="L245" s="210"/>
      <c r="M245" s="210"/>
      <c r="N245" s="210"/>
      <c r="O245" s="210"/>
      <c r="P245" s="210"/>
      <c r="Q245" s="210"/>
      <c r="R245" s="210"/>
      <c r="S245" s="210"/>
      <c r="T245" s="210"/>
      <c r="U245" s="210"/>
      <c r="V245" s="210"/>
      <c r="W245" s="210"/>
      <c r="X245" s="210"/>
      <c r="Y245" s="210"/>
      <c r="Z245" s="210"/>
      <c r="AA245" s="210"/>
      <c r="AB245" s="210"/>
      <c r="AC245" s="210"/>
      <c r="AD245" s="210"/>
      <c r="AE245" s="210"/>
      <c r="AF245" s="210"/>
      <c r="AG245" s="210"/>
      <c r="AH245" s="210"/>
      <c r="AI245" s="210"/>
      <c r="AJ245" s="210"/>
      <c r="AK245" s="210"/>
      <c r="AL245" s="210"/>
      <c r="AM245" s="210"/>
      <c r="AN245" s="210"/>
      <c r="AO245" s="210"/>
      <c r="AP245" s="210"/>
      <c r="AQ245" s="210"/>
      <c r="AR245" s="210"/>
      <c r="AS245" s="210"/>
      <c r="AT245" s="210"/>
      <c r="AU245" s="210"/>
      <c r="AV245" s="210"/>
      <c r="AW245" s="210"/>
      <c r="AX245" s="210"/>
      <c r="AY245" s="210"/>
      <c r="AZ245" s="210"/>
      <c r="BA245" s="210"/>
      <c r="BB245" s="210"/>
      <c r="BC245" s="210"/>
      <c r="BD245" s="210"/>
      <c r="BE245" s="210"/>
      <c r="BF245" s="210"/>
      <c r="BG245" s="210"/>
      <c r="BH245" s="210"/>
      <c r="BI245" s="210"/>
      <c r="BJ245" s="210"/>
      <c r="BK245" s="210"/>
      <c r="BL245" s="210"/>
      <c r="BM245" s="210"/>
      <c r="BN245" s="210"/>
    </row>
    <row r="246" spans="1:69" ht="35.25" customHeight="1">
      <c r="A246" s="209" t="s">
        <v>213</v>
      </c>
      <c r="B246" s="209"/>
      <c r="C246" s="209"/>
      <c r="D246" s="209"/>
      <c r="E246" s="210" t="s">
        <v>329</v>
      </c>
      <c r="F246" s="210"/>
      <c r="G246" s="210"/>
      <c r="H246" s="210"/>
      <c r="I246" s="210"/>
      <c r="J246" s="210"/>
      <c r="K246" s="210"/>
      <c r="L246" s="210"/>
      <c r="M246" s="210"/>
      <c r="N246" s="210"/>
      <c r="O246" s="210"/>
      <c r="P246" s="210"/>
      <c r="Q246" s="210"/>
      <c r="R246" s="210"/>
      <c r="S246" s="210"/>
      <c r="T246" s="210"/>
      <c r="U246" s="210"/>
      <c r="V246" s="210"/>
      <c r="W246" s="210"/>
      <c r="X246" s="210"/>
      <c r="Y246" s="210"/>
      <c r="Z246" s="210"/>
      <c r="AA246" s="210"/>
      <c r="AB246" s="210"/>
      <c r="AC246" s="210"/>
      <c r="AD246" s="210"/>
      <c r="AE246" s="210"/>
      <c r="AF246" s="210"/>
      <c r="AG246" s="210"/>
      <c r="AH246" s="210"/>
      <c r="AI246" s="210"/>
      <c r="AJ246" s="210"/>
      <c r="AK246" s="210"/>
      <c r="AL246" s="210"/>
      <c r="AM246" s="210"/>
      <c r="AN246" s="210"/>
      <c r="AO246" s="210"/>
      <c r="AP246" s="210"/>
      <c r="AQ246" s="210"/>
      <c r="AR246" s="210"/>
      <c r="AS246" s="210"/>
      <c r="AT246" s="210"/>
      <c r="AU246" s="210"/>
      <c r="AV246" s="210"/>
      <c r="AW246" s="210"/>
      <c r="AX246" s="210"/>
      <c r="AY246" s="210"/>
      <c r="AZ246" s="210"/>
      <c r="BA246" s="210"/>
      <c r="BB246" s="210"/>
      <c r="BC246" s="210"/>
      <c r="BD246" s="210"/>
      <c r="BE246" s="210"/>
      <c r="BF246" s="210"/>
      <c r="BG246" s="210"/>
      <c r="BH246" s="210"/>
      <c r="BI246" s="210"/>
      <c r="BJ246" s="210"/>
      <c r="BK246" s="210"/>
      <c r="BL246" s="210"/>
      <c r="BM246" s="210"/>
      <c r="BN246" s="210"/>
    </row>
    <row r="247" spans="1:69" ht="49.5" customHeight="1">
      <c r="A247" s="209" t="s">
        <v>214</v>
      </c>
      <c r="B247" s="209"/>
      <c r="C247" s="209"/>
      <c r="D247" s="209"/>
      <c r="E247" s="210" t="s">
        <v>221</v>
      </c>
      <c r="F247" s="210"/>
      <c r="G247" s="210"/>
      <c r="H247" s="210"/>
      <c r="I247" s="210"/>
      <c r="J247" s="210"/>
      <c r="K247" s="210"/>
      <c r="L247" s="210"/>
      <c r="M247" s="210"/>
      <c r="N247" s="210"/>
      <c r="O247" s="210"/>
      <c r="P247" s="210"/>
      <c r="Q247" s="210"/>
      <c r="R247" s="210"/>
      <c r="S247" s="210"/>
      <c r="T247" s="210"/>
      <c r="U247" s="210"/>
      <c r="V247" s="210"/>
      <c r="W247" s="210"/>
      <c r="X247" s="210"/>
      <c r="Y247" s="210"/>
      <c r="Z247" s="210"/>
      <c r="AA247" s="210"/>
      <c r="AB247" s="210"/>
      <c r="AC247" s="210"/>
      <c r="AD247" s="210"/>
      <c r="AE247" s="210"/>
      <c r="AF247" s="210"/>
      <c r="AG247" s="210"/>
      <c r="AH247" s="210"/>
      <c r="AI247" s="210"/>
      <c r="AJ247" s="210"/>
      <c r="AK247" s="210"/>
      <c r="AL247" s="210"/>
      <c r="AM247" s="210"/>
      <c r="AN247" s="210"/>
      <c r="AO247" s="210"/>
      <c r="AP247" s="210"/>
      <c r="AQ247" s="210"/>
      <c r="AR247" s="210"/>
      <c r="AS247" s="210"/>
      <c r="AT247" s="210"/>
      <c r="AU247" s="210"/>
      <c r="AV247" s="210"/>
      <c r="AW247" s="210"/>
      <c r="AX247" s="210"/>
      <c r="AY247" s="210"/>
      <c r="AZ247" s="210"/>
      <c r="BA247" s="210"/>
      <c r="BB247" s="210"/>
      <c r="BC247" s="210"/>
      <c r="BD247" s="210"/>
      <c r="BE247" s="210"/>
      <c r="BF247" s="210"/>
      <c r="BG247" s="210"/>
      <c r="BH247" s="210"/>
      <c r="BI247" s="210"/>
      <c r="BJ247" s="210"/>
      <c r="BK247" s="210"/>
      <c r="BL247" s="210"/>
      <c r="BM247" s="210"/>
      <c r="BN247" s="210"/>
    </row>
    <row r="248" spans="1:69" ht="65.25" customHeight="1">
      <c r="A248" s="209" t="s">
        <v>215</v>
      </c>
      <c r="B248" s="209"/>
      <c r="C248" s="209"/>
      <c r="D248" s="209"/>
      <c r="E248" s="210" t="s">
        <v>330</v>
      </c>
      <c r="F248" s="210"/>
      <c r="G248" s="210"/>
      <c r="H248" s="210"/>
      <c r="I248" s="210"/>
      <c r="J248" s="210"/>
      <c r="K248" s="210"/>
      <c r="L248" s="210"/>
      <c r="M248" s="210"/>
      <c r="N248" s="210"/>
      <c r="O248" s="210"/>
      <c r="P248" s="210"/>
      <c r="Q248" s="210"/>
      <c r="R248" s="210"/>
      <c r="S248" s="210"/>
      <c r="T248" s="210"/>
      <c r="U248" s="210"/>
      <c r="V248" s="210"/>
      <c r="W248" s="210"/>
      <c r="X248" s="210"/>
      <c r="Y248" s="210"/>
      <c r="Z248" s="210"/>
      <c r="AA248" s="210"/>
      <c r="AB248" s="210"/>
      <c r="AC248" s="210"/>
      <c r="AD248" s="210"/>
      <c r="AE248" s="210"/>
      <c r="AF248" s="210"/>
      <c r="AG248" s="210"/>
      <c r="AH248" s="210"/>
      <c r="AI248" s="210"/>
      <c r="AJ248" s="210"/>
      <c r="AK248" s="210"/>
      <c r="AL248" s="210"/>
      <c r="AM248" s="210"/>
      <c r="AN248" s="210"/>
      <c r="AO248" s="210"/>
      <c r="AP248" s="210"/>
      <c r="AQ248" s="210"/>
      <c r="AR248" s="210"/>
      <c r="AS248" s="210"/>
      <c r="AT248" s="210"/>
      <c r="AU248" s="210"/>
      <c r="AV248" s="210"/>
      <c r="AW248" s="210"/>
      <c r="AX248" s="210"/>
      <c r="AY248" s="210"/>
      <c r="AZ248" s="210"/>
      <c r="BA248" s="210"/>
      <c r="BB248" s="210"/>
      <c r="BC248" s="210"/>
      <c r="BD248" s="210"/>
      <c r="BE248" s="210"/>
      <c r="BF248" s="210"/>
      <c r="BG248" s="210"/>
      <c r="BH248" s="210"/>
      <c r="BI248" s="210"/>
      <c r="BJ248" s="210"/>
      <c r="BK248" s="210"/>
      <c r="BL248" s="210"/>
      <c r="BM248" s="210"/>
      <c r="BN248" s="210"/>
    </row>
    <row r="249" spans="1:69" ht="54" customHeight="1">
      <c r="A249" s="209" t="s">
        <v>216</v>
      </c>
      <c r="B249" s="209"/>
      <c r="C249" s="209"/>
      <c r="D249" s="209"/>
      <c r="E249" s="210" t="s">
        <v>331</v>
      </c>
      <c r="F249" s="210"/>
      <c r="G249" s="210"/>
      <c r="H249" s="210"/>
      <c r="I249" s="210"/>
      <c r="J249" s="210"/>
      <c r="K249" s="210"/>
      <c r="L249" s="210"/>
      <c r="M249" s="210"/>
      <c r="N249" s="210"/>
      <c r="O249" s="210"/>
      <c r="P249" s="210"/>
      <c r="Q249" s="210"/>
      <c r="R249" s="210"/>
      <c r="S249" s="210"/>
      <c r="T249" s="210"/>
      <c r="U249" s="210"/>
      <c r="V249" s="210"/>
      <c r="W249" s="210"/>
      <c r="X249" s="210"/>
      <c r="Y249" s="210"/>
      <c r="Z249" s="210"/>
      <c r="AA249" s="210"/>
      <c r="AB249" s="210"/>
      <c r="AC249" s="210"/>
      <c r="AD249" s="210"/>
      <c r="AE249" s="210"/>
      <c r="AF249" s="210"/>
      <c r="AG249" s="210"/>
      <c r="AH249" s="210"/>
      <c r="AI249" s="210"/>
      <c r="AJ249" s="210"/>
      <c r="AK249" s="210"/>
      <c r="AL249" s="210"/>
      <c r="AM249" s="210"/>
      <c r="AN249" s="210"/>
      <c r="AO249" s="210"/>
      <c r="AP249" s="210"/>
      <c r="AQ249" s="210"/>
      <c r="AR249" s="210"/>
      <c r="AS249" s="210"/>
      <c r="AT249" s="210"/>
      <c r="AU249" s="210"/>
      <c r="AV249" s="210"/>
      <c r="AW249" s="210"/>
      <c r="AX249" s="210"/>
      <c r="AY249" s="210"/>
      <c r="AZ249" s="210"/>
      <c r="BA249" s="210"/>
      <c r="BB249" s="210"/>
      <c r="BC249" s="210"/>
      <c r="BD249" s="210"/>
      <c r="BE249" s="210"/>
      <c r="BF249" s="210"/>
      <c r="BG249" s="210"/>
      <c r="BH249" s="210"/>
      <c r="BI249" s="210"/>
      <c r="BJ249" s="210"/>
      <c r="BK249" s="210"/>
      <c r="BL249" s="210"/>
      <c r="BM249" s="210"/>
      <c r="BN249" s="210"/>
      <c r="BO249" s="139"/>
    </row>
    <row r="250" spans="1:69" ht="35.25" customHeight="1">
      <c r="A250" s="209" t="s">
        <v>217</v>
      </c>
      <c r="B250" s="209"/>
      <c r="C250" s="209"/>
      <c r="D250" s="209"/>
      <c r="E250" s="210" t="s">
        <v>96</v>
      </c>
      <c r="F250" s="210"/>
      <c r="G250" s="210"/>
      <c r="H250" s="210"/>
      <c r="I250" s="210"/>
      <c r="J250" s="210"/>
      <c r="K250" s="210"/>
      <c r="L250" s="210"/>
      <c r="M250" s="210"/>
      <c r="N250" s="210"/>
      <c r="O250" s="210"/>
      <c r="P250" s="210"/>
      <c r="Q250" s="210"/>
      <c r="R250" s="210"/>
      <c r="S250" s="210"/>
      <c r="T250" s="210"/>
      <c r="U250" s="210"/>
      <c r="V250" s="210"/>
      <c r="W250" s="210"/>
      <c r="X250" s="210"/>
      <c r="Y250" s="210"/>
      <c r="Z250" s="210"/>
      <c r="AA250" s="210"/>
      <c r="AB250" s="210"/>
      <c r="AC250" s="210"/>
      <c r="AD250" s="210"/>
      <c r="AE250" s="210"/>
      <c r="AF250" s="210"/>
      <c r="AG250" s="210"/>
      <c r="AH250" s="210"/>
      <c r="AI250" s="210"/>
      <c r="AJ250" s="210"/>
      <c r="AK250" s="210"/>
      <c r="AL250" s="210"/>
      <c r="AM250" s="210"/>
      <c r="AN250" s="210"/>
      <c r="AO250" s="210"/>
      <c r="AP250" s="210"/>
      <c r="AQ250" s="210"/>
      <c r="AR250" s="210"/>
      <c r="AS250" s="210"/>
      <c r="AT250" s="210"/>
      <c r="AU250" s="210"/>
      <c r="AV250" s="210"/>
      <c r="AW250" s="210"/>
      <c r="AX250" s="210"/>
      <c r="AY250" s="210"/>
      <c r="AZ250" s="210"/>
      <c r="BA250" s="210"/>
      <c r="BB250" s="210"/>
      <c r="BC250" s="210"/>
      <c r="BD250" s="210"/>
      <c r="BE250" s="210"/>
      <c r="BF250" s="210"/>
      <c r="BG250" s="210"/>
      <c r="BH250" s="210"/>
      <c r="BI250" s="210"/>
      <c r="BJ250" s="210"/>
      <c r="BK250" s="210"/>
    </row>
    <row r="251" spans="1:69" ht="20.100000000000001" customHeight="1">
      <c r="A251" s="209" t="s">
        <v>280</v>
      </c>
      <c r="B251" s="209"/>
      <c r="C251" s="209"/>
      <c r="D251" s="209"/>
      <c r="E251" s="102" t="s">
        <v>97</v>
      </c>
    </row>
    <row r="252" spans="1:69" ht="54" customHeight="1">
      <c r="A252" s="209" t="s">
        <v>282</v>
      </c>
      <c r="B252" s="209"/>
      <c r="C252" s="209"/>
      <c r="D252" s="209"/>
      <c r="E252" s="210" t="s">
        <v>332</v>
      </c>
      <c r="F252" s="210"/>
      <c r="G252" s="210"/>
      <c r="H252" s="210"/>
      <c r="I252" s="210"/>
      <c r="J252" s="210"/>
      <c r="K252" s="210"/>
      <c r="L252" s="210"/>
      <c r="M252" s="210"/>
      <c r="N252" s="210"/>
      <c r="O252" s="210"/>
      <c r="P252" s="210"/>
      <c r="Q252" s="210"/>
      <c r="R252" s="210"/>
      <c r="S252" s="210"/>
      <c r="T252" s="210"/>
      <c r="U252" s="210"/>
      <c r="V252" s="210"/>
      <c r="W252" s="210"/>
      <c r="X252" s="210"/>
      <c r="Y252" s="210"/>
      <c r="Z252" s="210"/>
      <c r="AA252" s="210"/>
      <c r="AB252" s="210"/>
      <c r="AC252" s="210"/>
      <c r="AD252" s="210"/>
      <c r="AE252" s="210"/>
      <c r="AF252" s="210"/>
      <c r="AG252" s="210"/>
      <c r="AH252" s="210"/>
      <c r="AI252" s="210"/>
      <c r="AJ252" s="210"/>
      <c r="AK252" s="210"/>
      <c r="AL252" s="210"/>
      <c r="AM252" s="210"/>
      <c r="AN252" s="210"/>
      <c r="AO252" s="210"/>
      <c r="AP252" s="210"/>
      <c r="AQ252" s="210"/>
      <c r="AR252" s="210"/>
      <c r="AS252" s="210"/>
      <c r="AT252" s="210"/>
      <c r="AU252" s="210"/>
      <c r="AV252" s="210"/>
      <c r="AW252" s="210"/>
      <c r="AX252" s="210"/>
      <c r="AY252" s="210"/>
      <c r="AZ252" s="210"/>
      <c r="BA252" s="210"/>
      <c r="BB252" s="210"/>
      <c r="BC252" s="210"/>
      <c r="BD252" s="210"/>
      <c r="BE252" s="210"/>
      <c r="BF252" s="210"/>
      <c r="BG252" s="210"/>
      <c r="BH252" s="210"/>
      <c r="BI252" s="210"/>
      <c r="BJ252" s="210"/>
      <c r="BK252" s="210"/>
      <c r="BL252" s="210"/>
      <c r="BM252" s="210"/>
      <c r="BN252" s="210"/>
      <c r="BO252" s="139"/>
    </row>
    <row r="253" spans="1:69" ht="54.75" customHeight="1">
      <c r="A253" s="209" t="s">
        <v>281</v>
      </c>
      <c r="B253" s="209"/>
      <c r="C253" s="209"/>
      <c r="D253" s="209"/>
      <c r="E253" s="210" t="s">
        <v>333</v>
      </c>
      <c r="F253" s="210"/>
      <c r="G253" s="210"/>
      <c r="H253" s="210"/>
      <c r="I253" s="210"/>
      <c r="J253" s="210"/>
      <c r="K253" s="210"/>
      <c r="L253" s="210"/>
      <c r="M253" s="210"/>
      <c r="N253" s="210"/>
      <c r="O253" s="210"/>
      <c r="P253" s="210"/>
      <c r="Q253" s="210"/>
      <c r="R253" s="210"/>
      <c r="S253" s="210"/>
      <c r="T253" s="210"/>
      <c r="U253" s="210"/>
      <c r="V253" s="210"/>
      <c r="W253" s="210"/>
      <c r="X253" s="210"/>
      <c r="Y253" s="210"/>
      <c r="Z253" s="210"/>
      <c r="AA253" s="210"/>
      <c r="AB253" s="210"/>
      <c r="AC253" s="210"/>
      <c r="AD253" s="210"/>
      <c r="AE253" s="210"/>
      <c r="AF253" s="210"/>
      <c r="AG253" s="210"/>
      <c r="AH253" s="210"/>
      <c r="AI253" s="210"/>
      <c r="AJ253" s="210"/>
      <c r="AK253" s="210"/>
      <c r="AL253" s="210"/>
      <c r="AM253" s="210"/>
      <c r="AN253" s="210"/>
      <c r="AO253" s="210"/>
      <c r="AP253" s="210"/>
      <c r="AQ253" s="210"/>
      <c r="AR253" s="210"/>
      <c r="AS253" s="210"/>
      <c r="AT253" s="210"/>
      <c r="AU253" s="210"/>
      <c r="AV253" s="210"/>
      <c r="AW253" s="210"/>
      <c r="AX253" s="210"/>
      <c r="AY253" s="210"/>
      <c r="AZ253" s="210"/>
      <c r="BA253" s="210"/>
      <c r="BB253" s="210"/>
      <c r="BC253" s="210"/>
      <c r="BD253" s="210"/>
      <c r="BE253" s="210"/>
      <c r="BF253" s="210"/>
      <c r="BG253" s="210"/>
      <c r="BH253" s="210"/>
      <c r="BI253" s="210"/>
      <c r="BJ253" s="210"/>
      <c r="BK253" s="210"/>
      <c r="BL253" s="210"/>
      <c r="BM253" s="210"/>
      <c r="BN253" s="210"/>
      <c r="BO253" s="139"/>
    </row>
    <row r="254" spans="1:69" ht="54.75" customHeight="1">
      <c r="A254" s="209" t="s">
        <v>218</v>
      </c>
      <c r="B254" s="209"/>
      <c r="C254" s="209"/>
      <c r="D254" s="209"/>
      <c r="E254" s="210" t="s">
        <v>334</v>
      </c>
      <c r="F254" s="210"/>
      <c r="G254" s="210"/>
      <c r="H254" s="210"/>
      <c r="I254" s="210"/>
      <c r="J254" s="210"/>
      <c r="K254" s="210"/>
      <c r="L254" s="210"/>
      <c r="M254" s="210"/>
      <c r="N254" s="210"/>
      <c r="O254" s="210"/>
      <c r="P254" s="210"/>
      <c r="Q254" s="210"/>
      <c r="R254" s="210"/>
      <c r="S254" s="210"/>
      <c r="T254" s="210"/>
      <c r="U254" s="210"/>
      <c r="V254" s="210"/>
      <c r="W254" s="210"/>
      <c r="X254" s="210"/>
      <c r="Y254" s="210"/>
      <c r="Z254" s="210"/>
      <c r="AA254" s="210"/>
      <c r="AB254" s="210"/>
      <c r="AC254" s="210"/>
      <c r="AD254" s="210"/>
      <c r="AE254" s="210"/>
      <c r="AF254" s="210"/>
      <c r="AG254" s="210"/>
      <c r="AH254" s="210"/>
      <c r="AI254" s="210"/>
      <c r="AJ254" s="210"/>
      <c r="AK254" s="210"/>
      <c r="AL254" s="210"/>
      <c r="AM254" s="210"/>
      <c r="AN254" s="210"/>
      <c r="AO254" s="210"/>
      <c r="AP254" s="210"/>
      <c r="AQ254" s="210"/>
      <c r="AR254" s="210"/>
      <c r="AS254" s="210"/>
      <c r="AT254" s="210"/>
      <c r="AU254" s="210"/>
      <c r="AV254" s="210"/>
      <c r="AW254" s="210"/>
      <c r="AX254" s="210"/>
      <c r="AY254" s="210"/>
      <c r="AZ254" s="210"/>
      <c r="BA254" s="210"/>
      <c r="BB254" s="210"/>
      <c r="BC254" s="210"/>
      <c r="BD254" s="210"/>
      <c r="BE254" s="210"/>
      <c r="BF254" s="210"/>
      <c r="BG254" s="210"/>
      <c r="BH254" s="210"/>
      <c r="BI254" s="210"/>
      <c r="BJ254" s="210"/>
      <c r="BK254" s="210"/>
      <c r="BL254" s="210"/>
      <c r="BM254" s="210"/>
      <c r="BN254" s="210"/>
      <c r="BO254" s="139"/>
    </row>
    <row r="255" spans="1:69" ht="47.4" customHeight="1">
      <c r="A255" s="209" t="s">
        <v>283</v>
      </c>
      <c r="B255" s="209"/>
      <c r="C255" s="209"/>
      <c r="D255" s="209"/>
      <c r="E255" s="210" t="s">
        <v>335</v>
      </c>
      <c r="F255" s="210"/>
      <c r="G255" s="210"/>
      <c r="H255" s="210"/>
      <c r="I255" s="210"/>
      <c r="J255" s="210"/>
      <c r="K255" s="210"/>
      <c r="L255" s="210"/>
      <c r="M255" s="210"/>
      <c r="N255" s="210"/>
      <c r="O255" s="210"/>
      <c r="P255" s="210"/>
      <c r="Q255" s="210"/>
      <c r="R255" s="210"/>
      <c r="S255" s="210"/>
      <c r="T255" s="210"/>
      <c r="U255" s="210"/>
      <c r="V255" s="210"/>
      <c r="W255" s="210"/>
      <c r="X255" s="210"/>
      <c r="Y255" s="210"/>
      <c r="Z255" s="210"/>
      <c r="AA255" s="210"/>
      <c r="AB255" s="210"/>
      <c r="AC255" s="210"/>
      <c r="AD255" s="210"/>
      <c r="AE255" s="210"/>
      <c r="AF255" s="210"/>
      <c r="AG255" s="210"/>
      <c r="AH255" s="210"/>
      <c r="AI255" s="210"/>
      <c r="AJ255" s="210"/>
      <c r="AK255" s="210"/>
      <c r="AL255" s="210"/>
      <c r="AM255" s="210"/>
      <c r="AN255" s="210"/>
      <c r="AO255" s="210"/>
      <c r="AP255" s="210"/>
      <c r="AQ255" s="210"/>
      <c r="AR255" s="210"/>
      <c r="AS255" s="210"/>
      <c r="AT255" s="210"/>
      <c r="AU255" s="210"/>
      <c r="AV255" s="210"/>
      <c r="AW255" s="210"/>
      <c r="AX255" s="210"/>
      <c r="AY255" s="210"/>
      <c r="AZ255" s="210"/>
      <c r="BA255" s="210"/>
      <c r="BB255" s="210"/>
      <c r="BC255" s="210"/>
      <c r="BD255" s="210"/>
      <c r="BE255" s="210"/>
      <c r="BF255" s="210"/>
      <c r="BG255" s="210"/>
      <c r="BH255" s="210"/>
      <c r="BI255" s="210"/>
      <c r="BJ255" s="210"/>
      <c r="BK255" s="210"/>
      <c r="BL255" s="210"/>
      <c r="BM255" s="210"/>
      <c r="BN255" s="210"/>
      <c r="BO255" s="139"/>
    </row>
    <row r="256" spans="1:69" ht="54.75" customHeight="1">
      <c r="A256" s="209" t="s">
        <v>284</v>
      </c>
      <c r="B256" s="209"/>
      <c r="C256" s="209"/>
      <c r="D256" s="209"/>
      <c r="E256" s="210" t="s">
        <v>191</v>
      </c>
      <c r="F256" s="210"/>
      <c r="G256" s="210"/>
      <c r="H256" s="210"/>
      <c r="I256" s="210"/>
      <c r="J256" s="210"/>
      <c r="K256" s="210"/>
      <c r="L256" s="210"/>
      <c r="M256" s="210"/>
      <c r="N256" s="210"/>
      <c r="O256" s="210"/>
      <c r="P256" s="210"/>
      <c r="Q256" s="210"/>
      <c r="R256" s="210"/>
      <c r="S256" s="210"/>
      <c r="T256" s="210"/>
      <c r="U256" s="210"/>
      <c r="V256" s="210"/>
      <c r="W256" s="210"/>
      <c r="X256" s="210"/>
      <c r="Y256" s="210"/>
      <c r="Z256" s="210"/>
      <c r="AA256" s="210"/>
      <c r="AB256" s="210"/>
      <c r="AC256" s="210"/>
      <c r="AD256" s="210"/>
      <c r="AE256" s="210"/>
      <c r="AF256" s="210"/>
      <c r="AG256" s="210"/>
      <c r="AH256" s="210"/>
      <c r="AI256" s="210"/>
      <c r="AJ256" s="210"/>
      <c r="AK256" s="210"/>
      <c r="AL256" s="210"/>
      <c r="AM256" s="210"/>
      <c r="AN256" s="210"/>
      <c r="AO256" s="210"/>
      <c r="AP256" s="210"/>
      <c r="AQ256" s="210"/>
      <c r="AR256" s="210"/>
      <c r="AS256" s="210"/>
      <c r="AT256" s="210"/>
      <c r="AU256" s="210"/>
      <c r="AV256" s="210"/>
      <c r="AW256" s="210"/>
      <c r="AX256" s="210"/>
      <c r="AY256" s="210"/>
      <c r="AZ256" s="210"/>
      <c r="BA256" s="210"/>
      <c r="BB256" s="210"/>
      <c r="BC256" s="210"/>
      <c r="BD256" s="210"/>
      <c r="BE256" s="210"/>
      <c r="BF256" s="210"/>
      <c r="BG256" s="210"/>
      <c r="BH256" s="210"/>
      <c r="BI256" s="210"/>
      <c r="BJ256" s="210"/>
      <c r="BK256" s="210"/>
      <c r="BL256" s="210"/>
      <c r="BM256" s="210"/>
      <c r="BN256" s="210"/>
    </row>
    <row r="257" spans="1:76" ht="34.5" customHeight="1">
      <c r="A257" s="209" t="s">
        <v>356</v>
      </c>
      <c r="B257" s="209"/>
      <c r="C257" s="209"/>
      <c r="D257" s="209"/>
      <c r="E257" s="210" t="s">
        <v>355</v>
      </c>
      <c r="F257" s="210"/>
      <c r="G257" s="210"/>
      <c r="H257" s="210"/>
      <c r="I257" s="210"/>
      <c r="J257" s="210"/>
      <c r="K257" s="210"/>
      <c r="L257" s="210"/>
      <c r="M257" s="210"/>
      <c r="N257" s="210"/>
      <c r="O257" s="210"/>
      <c r="P257" s="210"/>
      <c r="Q257" s="210"/>
      <c r="R257" s="210"/>
      <c r="S257" s="210"/>
      <c r="T257" s="210"/>
      <c r="U257" s="210"/>
      <c r="V257" s="210"/>
      <c r="W257" s="210"/>
      <c r="X257" s="210"/>
      <c r="Y257" s="210"/>
      <c r="Z257" s="210"/>
      <c r="AA257" s="210"/>
      <c r="AB257" s="210"/>
      <c r="AC257" s="210"/>
      <c r="AD257" s="210"/>
      <c r="AE257" s="210"/>
      <c r="AF257" s="210"/>
      <c r="AG257" s="210"/>
      <c r="AH257" s="210"/>
      <c r="AI257" s="210"/>
      <c r="AJ257" s="210"/>
      <c r="AK257" s="210"/>
      <c r="AL257" s="210"/>
      <c r="AM257" s="210"/>
      <c r="AN257" s="210"/>
      <c r="AO257" s="210"/>
      <c r="AP257" s="210"/>
      <c r="AQ257" s="210"/>
      <c r="AR257" s="210"/>
      <c r="AS257" s="210"/>
      <c r="AT257" s="210"/>
      <c r="AU257" s="210"/>
      <c r="AV257" s="210"/>
      <c r="AW257" s="210"/>
      <c r="AX257" s="210"/>
      <c r="AY257" s="210"/>
      <c r="AZ257" s="210"/>
      <c r="BA257" s="210"/>
      <c r="BB257" s="210"/>
      <c r="BC257" s="210"/>
      <c r="BD257" s="210"/>
      <c r="BE257" s="210"/>
      <c r="BF257" s="210"/>
      <c r="BG257" s="210"/>
      <c r="BH257" s="210"/>
      <c r="BI257" s="210"/>
      <c r="BJ257" s="210"/>
      <c r="BK257" s="210"/>
      <c r="BL257" s="210"/>
      <c r="BM257" s="210"/>
      <c r="BN257" s="210"/>
    </row>
    <row r="258" spans="1:76" ht="20.100000000000001" customHeight="1"/>
    <row r="259" spans="1:76" ht="20.100000000000001" customHeight="1">
      <c r="BL259" s="139"/>
      <c r="BM259" s="139"/>
      <c r="BN259" s="139"/>
      <c r="BO259" s="139"/>
      <c r="BP259" s="139"/>
      <c r="BQ259" s="139"/>
      <c r="BR259" s="139"/>
      <c r="BS259" s="139"/>
    </row>
    <row r="260" spans="1:76" ht="20.100000000000001" customHeight="1">
      <c r="BL260" s="139"/>
      <c r="BM260" s="139"/>
      <c r="BN260" s="139"/>
      <c r="BO260" s="139"/>
      <c r="BP260" s="139"/>
      <c r="BQ260" s="139"/>
      <c r="BR260" s="139"/>
      <c r="BS260" s="139"/>
    </row>
    <row r="261" spans="1:76" ht="20.100000000000001" customHeight="1">
      <c r="V261" s="135"/>
      <c r="W261" s="135"/>
      <c r="X261" s="135"/>
      <c r="BL261" s="139"/>
      <c r="BM261" s="139"/>
      <c r="BN261" s="139"/>
      <c r="BO261" s="139"/>
      <c r="BP261" s="139"/>
      <c r="BQ261" s="139"/>
      <c r="BR261" s="139"/>
      <c r="BS261" s="139"/>
    </row>
    <row r="262" spans="1:76" ht="20.100000000000001" customHeight="1">
      <c r="BL262" s="139"/>
      <c r="BM262" s="139"/>
      <c r="BN262" s="139"/>
      <c r="BO262" s="139"/>
      <c r="BP262" s="139"/>
      <c r="BQ262" s="139"/>
      <c r="BR262" s="139"/>
      <c r="BS262" s="139"/>
      <c r="BT262" s="139"/>
      <c r="BU262" s="139"/>
      <c r="BV262" s="139"/>
      <c r="BW262" s="139"/>
    </row>
    <row r="263" spans="1:76" ht="20.100000000000001" customHeight="1">
      <c r="BL263" s="139"/>
      <c r="BM263" s="139"/>
      <c r="BN263" s="139"/>
      <c r="BO263" s="139"/>
      <c r="BP263" s="139"/>
      <c r="BQ263" s="139"/>
      <c r="BR263" s="139"/>
      <c r="BS263" s="139"/>
      <c r="BT263" s="139"/>
      <c r="BU263" s="139"/>
      <c r="BV263" s="139"/>
      <c r="BW263" s="139"/>
    </row>
    <row r="264" spans="1:76" ht="20.100000000000001" customHeight="1">
      <c r="BL264" s="139"/>
      <c r="BM264" s="139"/>
      <c r="BN264" s="139"/>
      <c r="BO264" s="139"/>
      <c r="BP264" s="139"/>
      <c r="BQ264" s="139"/>
      <c r="BR264" s="139"/>
      <c r="BS264" s="139"/>
      <c r="BT264" s="139"/>
      <c r="BU264" s="139"/>
      <c r="BV264" s="139"/>
      <c r="BW264" s="139"/>
    </row>
    <row r="265" spans="1:76" ht="20.100000000000001" customHeight="1"/>
    <row r="266" spans="1:76" ht="20.100000000000001" customHeight="1"/>
    <row r="267" spans="1:76" ht="20.100000000000001" customHeight="1"/>
    <row r="268" spans="1:76" ht="20.100000000000001" customHeight="1"/>
    <row r="269" spans="1:76" ht="20.100000000000001" customHeight="1"/>
    <row r="270" spans="1:76" ht="20.100000000000001" customHeight="1"/>
    <row r="271" spans="1:76" ht="20.100000000000001" customHeight="1"/>
    <row r="272" spans="1:76" ht="20.100000000000001" customHeight="1">
      <c r="BC272" s="135"/>
      <c r="BD272" s="135"/>
      <c r="BE272" s="135"/>
      <c r="BF272" s="135"/>
      <c r="BG272" s="135"/>
      <c r="BH272" s="135"/>
      <c r="BI272" s="135"/>
      <c r="BJ272" s="135"/>
      <c r="BK272" s="135"/>
      <c r="BL272" s="135"/>
      <c r="BM272" s="135"/>
      <c r="BN272" s="135"/>
      <c r="BO272" s="135"/>
      <c r="BP272" s="135"/>
      <c r="BQ272" s="135"/>
      <c r="BR272" s="135"/>
      <c r="BS272" s="135"/>
      <c r="BT272" s="135"/>
      <c r="BU272" s="135"/>
      <c r="BV272" s="135"/>
      <c r="BW272" s="135"/>
      <c r="BX272" s="135"/>
    </row>
    <row r="273" spans="5:75" ht="20.100000000000001" customHeight="1">
      <c r="G273" s="135"/>
    </row>
    <row r="274" spans="5:75" ht="20.100000000000001" customHeight="1">
      <c r="F274" s="162"/>
      <c r="G274" s="162"/>
      <c r="H274" s="162"/>
      <c r="I274" s="162"/>
      <c r="J274" s="162"/>
      <c r="K274" s="162"/>
      <c r="L274" s="162"/>
      <c r="M274" s="162"/>
      <c r="N274" s="162"/>
      <c r="O274" s="162"/>
      <c r="P274" s="162"/>
      <c r="Q274" s="162"/>
      <c r="S274" s="162"/>
      <c r="T274" s="162"/>
      <c r="U274" s="162"/>
      <c r="V274" s="162"/>
      <c r="W274" s="162"/>
      <c r="X274" s="162"/>
      <c r="Y274" s="162"/>
      <c r="Z274" s="162"/>
      <c r="AA274" s="162"/>
      <c r="AB274" s="162"/>
      <c r="AC274" s="162"/>
      <c r="AD274" s="162"/>
      <c r="AE274" s="162"/>
      <c r="AF274" s="162"/>
      <c r="AG274" s="162"/>
      <c r="AH274" s="162"/>
      <c r="AI274" s="162"/>
      <c r="AK274" s="162"/>
      <c r="AL274" s="162"/>
      <c r="AM274" s="162"/>
      <c r="AN274" s="162"/>
      <c r="AO274" s="162"/>
      <c r="AP274" s="162"/>
    </row>
    <row r="275" spans="5:75" ht="20.100000000000001" customHeight="1"/>
    <row r="276" spans="5:75" ht="20.100000000000001" customHeight="1">
      <c r="E276" s="135"/>
    </row>
    <row r="277" spans="5:75" ht="20.100000000000001" customHeight="1">
      <c r="F277" s="162"/>
      <c r="G277" s="162"/>
      <c r="H277" s="162"/>
      <c r="I277" s="162"/>
      <c r="J277" s="162"/>
      <c r="K277" s="162"/>
      <c r="L277" s="162"/>
      <c r="M277" s="162"/>
      <c r="N277" s="162"/>
      <c r="O277" s="162"/>
      <c r="P277" s="162"/>
      <c r="Q277" s="162"/>
      <c r="S277" s="162"/>
      <c r="T277" s="162"/>
      <c r="U277" s="162"/>
      <c r="V277" s="162"/>
      <c r="W277" s="162"/>
      <c r="X277" s="162"/>
      <c r="Y277" s="162"/>
      <c r="Z277" s="162"/>
      <c r="AA277" s="162"/>
      <c r="AB277" s="162"/>
      <c r="AC277" s="162"/>
      <c r="AD277" s="162"/>
      <c r="AE277" s="162"/>
      <c r="AF277" s="162"/>
      <c r="AG277" s="162"/>
      <c r="AH277" s="162"/>
      <c r="AI277" s="162"/>
      <c r="AK277" s="162"/>
      <c r="AL277" s="162"/>
      <c r="AM277" s="162"/>
      <c r="AN277" s="162"/>
      <c r="AO277" s="162"/>
      <c r="AP277" s="162"/>
    </row>
    <row r="278" spans="5:75" ht="20.100000000000001" customHeight="1">
      <c r="F278" s="162"/>
      <c r="G278" s="162"/>
      <c r="H278" s="162"/>
      <c r="I278" s="162"/>
      <c r="J278" s="162"/>
      <c r="K278" s="162"/>
      <c r="L278" s="162"/>
      <c r="M278" s="162"/>
      <c r="N278" s="162"/>
      <c r="O278" s="162"/>
      <c r="P278" s="162"/>
      <c r="Q278" s="162"/>
      <c r="S278" s="162"/>
      <c r="T278" s="162"/>
      <c r="U278" s="162"/>
      <c r="AZ278" s="162"/>
    </row>
    <row r="279" spans="5:75" ht="20.100000000000001" customHeight="1">
      <c r="AT279" s="93"/>
      <c r="AU279" s="93"/>
      <c r="AV279" s="93"/>
      <c r="AW279" s="93"/>
      <c r="AX279" s="93"/>
      <c r="AY279" s="93"/>
      <c r="BA279" s="93"/>
      <c r="BB279" s="93"/>
      <c r="BC279" s="93"/>
      <c r="BD279" s="93"/>
      <c r="BL279" s="25"/>
      <c r="BM279" s="25"/>
      <c r="BN279" s="25"/>
    </row>
    <row r="280" spans="5:75" ht="20.100000000000001" customHeight="1">
      <c r="E280" s="135"/>
    </row>
    <row r="281" spans="5:75" ht="20.100000000000001" customHeight="1"/>
    <row r="282" spans="5:75" ht="20.100000000000001" customHeight="1"/>
    <row r="283" spans="5:75" ht="20.100000000000001" customHeight="1"/>
    <row r="284" spans="5:75" ht="20.100000000000001" customHeight="1"/>
    <row r="285" spans="5:75" ht="20.100000000000001" customHeight="1">
      <c r="BO285" s="25"/>
      <c r="BP285" s="25"/>
      <c r="BQ285" s="25"/>
      <c r="BR285" s="25"/>
      <c r="BS285" s="25"/>
      <c r="BT285" s="25"/>
      <c r="BU285" s="25"/>
      <c r="BV285" s="25"/>
      <c r="BW285" s="25"/>
    </row>
    <row r="286" spans="5:75" ht="20.100000000000001" customHeight="1"/>
    <row r="287" spans="5:75" ht="20.100000000000001" customHeight="1"/>
  </sheetData>
  <mergeCells count="755">
    <mergeCell ref="W99:AH99"/>
    <mergeCell ref="AI99:AT99"/>
    <mergeCell ref="Y100:AB100"/>
    <mergeCell ref="AE100:AH100"/>
    <mergeCell ref="AK100:AN100"/>
    <mergeCell ref="AQ100:AT100"/>
    <mergeCell ref="AW95:AZ95"/>
    <mergeCell ref="BE95:BH95"/>
    <mergeCell ref="AA96:AD96"/>
    <mergeCell ref="AE96:AH96"/>
    <mergeCell ref="AM96:AP96"/>
    <mergeCell ref="AQ96:AT96"/>
    <mergeCell ref="W97:AH97"/>
    <mergeCell ref="AI97:AT97"/>
    <mergeCell ref="AA98:AD98"/>
    <mergeCell ref="AE98:AH98"/>
    <mergeCell ref="AM98:AP98"/>
    <mergeCell ref="AQ98:AT98"/>
    <mergeCell ref="AQ93:AT93"/>
    <mergeCell ref="AY93:BB93"/>
    <mergeCell ref="BG93:BJ93"/>
    <mergeCell ref="AB94:AD94"/>
    <mergeCell ref="AE94:AH94"/>
    <mergeCell ref="AN94:AP94"/>
    <mergeCell ref="AQ94:AT94"/>
    <mergeCell ref="AW94:AZ94"/>
    <mergeCell ref="BE94:BH94"/>
    <mergeCell ref="AV88:AX88"/>
    <mergeCell ref="BA88:BC88"/>
    <mergeCell ref="D89:V89"/>
    <mergeCell ref="W89:AT89"/>
    <mergeCell ref="AU89:BJ89"/>
    <mergeCell ref="D90:E100"/>
    <mergeCell ref="F90:V90"/>
    <mergeCell ref="W90:AT90"/>
    <mergeCell ref="AY90:BE90"/>
    <mergeCell ref="F91:M91"/>
    <mergeCell ref="N91:V91"/>
    <mergeCell ref="W91:AH91"/>
    <mergeCell ref="AI91:AT91"/>
    <mergeCell ref="AY91:BB91"/>
    <mergeCell ref="BG91:BJ91"/>
    <mergeCell ref="AA92:AD92"/>
    <mergeCell ref="AE92:AH92"/>
    <mergeCell ref="AM92:AP92"/>
    <mergeCell ref="AQ92:AT92"/>
    <mergeCell ref="AY92:BB92"/>
    <mergeCell ref="BG92:BJ92"/>
    <mergeCell ref="AA93:AD93"/>
    <mergeCell ref="AE93:AH93"/>
    <mergeCell ref="AM93:AP93"/>
    <mergeCell ref="AE139:AF139"/>
    <mergeCell ref="AI139:AJ139"/>
    <mergeCell ref="BF139:BG139"/>
    <mergeCell ref="P168:BH168"/>
    <mergeCell ref="AH169:AM169"/>
    <mergeCell ref="P170:BH170"/>
    <mergeCell ref="G171:S172"/>
    <mergeCell ref="E171:F172"/>
    <mergeCell ref="AS158:AU158"/>
    <mergeCell ref="E143:F143"/>
    <mergeCell ref="AM139:AY139"/>
    <mergeCell ref="G158:S158"/>
    <mergeCell ref="G159:S160"/>
    <mergeCell ref="E147:F147"/>
    <mergeCell ref="G150:S150"/>
    <mergeCell ref="G151:S151"/>
    <mergeCell ref="G152:S152"/>
    <mergeCell ref="G153:K154"/>
    <mergeCell ref="E153:F154"/>
    <mergeCell ref="G155:S155"/>
    <mergeCell ref="E155:F155"/>
    <mergeCell ref="E156:F157"/>
    <mergeCell ref="L154:S154"/>
    <mergeCell ref="L156:S156"/>
    <mergeCell ref="A1:BN1"/>
    <mergeCell ref="U169:Y169"/>
    <mergeCell ref="G174:S174"/>
    <mergeCell ref="E174:F174"/>
    <mergeCell ref="G137:S138"/>
    <mergeCell ref="E137:F138"/>
    <mergeCell ref="H132:N133"/>
    <mergeCell ref="BF138:BG138"/>
    <mergeCell ref="E136:F136"/>
    <mergeCell ref="F101:BJ101"/>
    <mergeCell ref="D37:G52"/>
    <mergeCell ref="AL51:AM52"/>
    <mergeCell ref="AZ49:BG49"/>
    <mergeCell ref="BB50:BH50"/>
    <mergeCell ref="H51:M52"/>
    <mergeCell ref="AN51:AU52"/>
    <mergeCell ref="AV51:AW52"/>
    <mergeCell ref="BB52:BH52"/>
    <mergeCell ref="H49:M50"/>
    <mergeCell ref="N49:T50"/>
    <mergeCell ref="U49:V50"/>
    <mergeCell ref="W49:AC50"/>
    <mergeCell ref="D55:G55"/>
    <mergeCell ref="H55:V56"/>
    <mergeCell ref="E256:BN256"/>
    <mergeCell ref="E246:BN246"/>
    <mergeCell ref="E248:BN248"/>
    <mergeCell ref="A253:D253"/>
    <mergeCell ref="E253:BN253"/>
    <mergeCell ref="A254:D254"/>
    <mergeCell ref="E254:BN254"/>
    <mergeCell ref="A255:D255"/>
    <mergeCell ref="E255:BN255"/>
    <mergeCell ref="A252:D252"/>
    <mergeCell ref="E252:BN252"/>
    <mergeCell ref="A248:D248"/>
    <mergeCell ref="A249:D249"/>
    <mergeCell ref="E249:BN249"/>
    <mergeCell ref="A256:D256"/>
    <mergeCell ref="A246:D246"/>
    <mergeCell ref="A251:D251"/>
    <mergeCell ref="A250:D250"/>
    <mergeCell ref="E250:BK250"/>
    <mergeCell ref="A226:D226"/>
    <mergeCell ref="E226:BN226"/>
    <mergeCell ref="E230:BN230"/>
    <mergeCell ref="E144:F146"/>
    <mergeCell ref="G144:S146"/>
    <mergeCell ref="W129:BN129"/>
    <mergeCell ref="W130:BN130"/>
    <mergeCell ref="W131:BN131"/>
    <mergeCell ref="W132:BN132"/>
    <mergeCell ref="W133:BN133"/>
    <mergeCell ref="W134:BN134"/>
    <mergeCell ref="W135:BN135"/>
    <mergeCell ref="AM137:AY137"/>
    <mergeCell ref="AM138:AY138"/>
    <mergeCell ref="BL137:BN139"/>
    <mergeCell ref="AE137:AF137"/>
    <mergeCell ref="AI137:AJ137"/>
    <mergeCell ref="BI158:BN158"/>
    <mergeCell ref="BI159:BN159"/>
    <mergeCell ref="BI160:BN160"/>
    <mergeCell ref="BI161:BN161"/>
    <mergeCell ref="E158:F158"/>
    <mergeCell ref="G175:S176"/>
    <mergeCell ref="E175:F176"/>
    <mergeCell ref="W55:AE56"/>
    <mergeCell ref="AF55:AN56"/>
    <mergeCell ref="AO55:AW56"/>
    <mergeCell ref="AX55:BF56"/>
    <mergeCell ref="H57:V58"/>
    <mergeCell ref="AF57:AL58"/>
    <mergeCell ref="AM57:AN58"/>
    <mergeCell ref="AO57:AU58"/>
    <mergeCell ref="AX57:BD58"/>
    <mergeCell ref="BE57:BF58"/>
    <mergeCell ref="L157:S157"/>
    <mergeCell ref="E159:F160"/>
    <mergeCell ref="BI156:BN156"/>
    <mergeCell ref="BI157:BN157"/>
    <mergeCell ref="G156:K157"/>
    <mergeCell ref="E150:F150"/>
    <mergeCell ref="BI154:BN154"/>
    <mergeCell ref="BI153:BN153"/>
    <mergeCell ref="AV154:AX154"/>
    <mergeCell ref="E151:F151"/>
    <mergeCell ref="E152:F152"/>
    <mergeCell ref="BL144:BN144"/>
    <mergeCell ref="BI145:BK145"/>
    <mergeCell ref="BL145:BN145"/>
    <mergeCell ref="U146:BG146"/>
    <mergeCell ref="BI146:BK146"/>
    <mergeCell ref="BL146:BN146"/>
    <mergeCell ref="BI143:BN143"/>
    <mergeCell ref="AZ84:BD84"/>
    <mergeCell ref="BE84:BI84"/>
    <mergeCell ref="BJ84:BN84"/>
    <mergeCell ref="V85:Z86"/>
    <mergeCell ref="AA85:AE86"/>
    <mergeCell ref="AF85:AJ86"/>
    <mergeCell ref="AK85:AO86"/>
    <mergeCell ref="AP85:AT86"/>
    <mergeCell ref="AU85:AY86"/>
    <mergeCell ref="AZ85:BD86"/>
    <mergeCell ref="BE85:BI86"/>
    <mergeCell ref="BJ85:BN86"/>
    <mergeCell ref="O131:V131"/>
    <mergeCell ref="O132:V132"/>
    <mergeCell ref="O133:V133"/>
    <mergeCell ref="O134:V134"/>
    <mergeCell ref="AQ88:AS88"/>
    <mergeCell ref="AZ82:BD82"/>
    <mergeCell ref="BE82:BI82"/>
    <mergeCell ref="BJ82:BN82"/>
    <mergeCell ref="AA83:AE83"/>
    <mergeCell ref="AF83:AJ83"/>
    <mergeCell ref="AK83:AO83"/>
    <mergeCell ref="AP83:AT83"/>
    <mergeCell ref="AU83:AY83"/>
    <mergeCell ref="AZ83:BD83"/>
    <mergeCell ref="BE83:BI83"/>
    <mergeCell ref="BJ83:BN83"/>
    <mergeCell ref="AZ80:BD80"/>
    <mergeCell ref="BE80:BI80"/>
    <mergeCell ref="BJ80:BN80"/>
    <mergeCell ref="AA81:AE81"/>
    <mergeCell ref="AF81:AJ81"/>
    <mergeCell ref="AK81:AO81"/>
    <mergeCell ref="AP81:AT81"/>
    <mergeCell ref="AU81:AY81"/>
    <mergeCell ref="AZ81:BD81"/>
    <mergeCell ref="BE81:BI81"/>
    <mergeCell ref="BJ81:BN81"/>
    <mergeCell ref="BJ78:BN78"/>
    <mergeCell ref="AA79:AE79"/>
    <mergeCell ref="AF79:AJ79"/>
    <mergeCell ref="AK79:AO79"/>
    <mergeCell ref="AP79:AT79"/>
    <mergeCell ref="AU79:AY79"/>
    <mergeCell ref="AZ79:BD79"/>
    <mergeCell ref="BE79:BI79"/>
    <mergeCell ref="BJ79:BN79"/>
    <mergeCell ref="BJ76:BN76"/>
    <mergeCell ref="D85:U85"/>
    <mergeCell ref="E86:F86"/>
    <mergeCell ref="H86:I86"/>
    <mergeCell ref="P86:Q86"/>
    <mergeCell ref="S86:T86"/>
    <mergeCell ref="V77:Z77"/>
    <mergeCell ref="V78:Z78"/>
    <mergeCell ref="V79:Z79"/>
    <mergeCell ref="V80:Z80"/>
    <mergeCell ref="V81:Z81"/>
    <mergeCell ref="V82:Z82"/>
    <mergeCell ref="V83:Z83"/>
    <mergeCell ref="V84:Z84"/>
    <mergeCell ref="AA77:AE77"/>
    <mergeCell ref="AF77:AJ77"/>
    <mergeCell ref="AK77:AO77"/>
    <mergeCell ref="AP77:AT77"/>
    <mergeCell ref="AU77:AY77"/>
    <mergeCell ref="AZ77:BD77"/>
    <mergeCell ref="BE77:BI77"/>
    <mergeCell ref="BJ77:BN77"/>
    <mergeCell ref="AA78:AE78"/>
    <mergeCell ref="AF78:AJ78"/>
    <mergeCell ref="D67:U67"/>
    <mergeCell ref="BJ71:BN71"/>
    <mergeCell ref="AA72:AE72"/>
    <mergeCell ref="AF72:AJ72"/>
    <mergeCell ref="AK72:AO72"/>
    <mergeCell ref="AP72:AT72"/>
    <mergeCell ref="AU72:AY72"/>
    <mergeCell ref="AZ72:BD72"/>
    <mergeCell ref="BE72:BI72"/>
    <mergeCell ref="BJ72:BN72"/>
    <mergeCell ref="BJ69:BN69"/>
    <mergeCell ref="AA70:AE70"/>
    <mergeCell ref="AF70:AJ70"/>
    <mergeCell ref="AK70:AO70"/>
    <mergeCell ref="AP70:AT70"/>
    <mergeCell ref="AU70:AY70"/>
    <mergeCell ref="AK69:AO69"/>
    <mergeCell ref="AZ71:BD71"/>
    <mergeCell ref="BE71:BI71"/>
    <mergeCell ref="AK73:AO73"/>
    <mergeCell ref="AP73:AT73"/>
    <mergeCell ref="AU73:AY73"/>
    <mergeCell ref="AZ73:BD73"/>
    <mergeCell ref="BE73:BI73"/>
    <mergeCell ref="BJ73:BN73"/>
    <mergeCell ref="V67:Z67"/>
    <mergeCell ref="AZ70:BD70"/>
    <mergeCell ref="BE70:BI70"/>
    <mergeCell ref="BJ70:BN70"/>
    <mergeCell ref="AZ67:BD67"/>
    <mergeCell ref="BE67:BI67"/>
    <mergeCell ref="BJ67:BN67"/>
    <mergeCell ref="AK68:AO68"/>
    <mergeCell ref="AP68:AT68"/>
    <mergeCell ref="AU68:AY68"/>
    <mergeCell ref="AZ68:BD68"/>
    <mergeCell ref="BE68:BI68"/>
    <mergeCell ref="BJ68:BN68"/>
    <mergeCell ref="AK71:AO71"/>
    <mergeCell ref="AP71:AT71"/>
    <mergeCell ref="AU71:AY71"/>
    <mergeCell ref="BE69:BI69"/>
    <mergeCell ref="D73:U73"/>
    <mergeCell ref="V68:Z68"/>
    <mergeCell ref="V69:Z69"/>
    <mergeCell ref="V70:Z70"/>
    <mergeCell ref="V71:Z71"/>
    <mergeCell ref="V72:Z72"/>
    <mergeCell ref="V73:Z73"/>
    <mergeCell ref="AA68:AE68"/>
    <mergeCell ref="AF68:AJ68"/>
    <mergeCell ref="AA69:AE69"/>
    <mergeCell ref="AF69:AJ69"/>
    <mergeCell ref="AA71:AE71"/>
    <mergeCell ref="AF71:AJ71"/>
    <mergeCell ref="AA73:AE73"/>
    <mergeCell ref="AF73:AJ73"/>
    <mergeCell ref="AD49:AE50"/>
    <mergeCell ref="AF49:AK50"/>
    <mergeCell ref="AL49:AM50"/>
    <mergeCell ref="AN49:AU50"/>
    <mergeCell ref="AV49:AW50"/>
    <mergeCell ref="AF51:AK52"/>
    <mergeCell ref="N51:T52"/>
    <mergeCell ref="U51:V52"/>
    <mergeCell ref="W51:AC52"/>
    <mergeCell ref="AD51:AE52"/>
    <mergeCell ref="BB46:BH46"/>
    <mergeCell ref="H47:M48"/>
    <mergeCell ref="N47:T48"/>
    <mergeCell ref="U47:V48"/>
    <mergeCell ref="W47:AC48"/>
    <mergeCell ref="AD47:AE48"/>
    <mergeCell ref="AF47:AK48"/>
    <mergeCell ref="AL47:AM48"/>
    <mergeCell ref="AN47:AU48"/>
    <mergeCell ref="AV47:AW48"/>
    <mergeCell ref="BB48:BH48"/>
    <mergeCell ref="H45:M46"/>
    <mergeCell ref="N45:T46"/>
    <mergeCell ref="U45:V46"/>
    <mergeCell ref="W45:AC46"/>
    <mergeCell ref="AD45:AE46"/>
    <mergeCell ref="AF45:AK46"/>
    <mergeCell ref="AL45:AM46"/>
    <mergeCell ref="AN45:AU46"/>
    <mergeCell ref="AV45:AW46"/>
    <mergeCell ref="BB42:BH42"/>
    <mergeCell ref="H43:M44"/>
    <mergeCell ref="N43:T44"/>
    <mergeCell ref="U43:V44"/>
    <mergeCell ref="W43:AC44"/>
    <mergeCell ref="AD43:AE44"/>
    <mergeCell ref="AF43:AK44"/>
    <mergeCell ref="AL43:AM44"/>
    <mergeCell ref="AN43:AU44"/>
    <mergeCell ref="AV43:AW44"/>
    <mergeCell ref="BB44:BH44"/>
    <mergeCell ref="H41:M42"/>
    <mergeCell ref="N41:T42"/>
    <mergeCell ref="U41:V42"/>
    <mergeCell ref="W41:AC42"/>
    <mergeCell ref="AD41:AE42"/>
    <mergeCell ref="AF41:AK42"/>
    <mergeCell ref="AL41:AM42"/>
    <mergeCell ref="AN41:AU42"/>
    <mergeCell ref="AV41:AW42"/>
    <mergeCell ref="N39:T40"/>
    <mergeCell ref="U39:V40"/>
    <mergeCell ref="W39:AC40"/>
    <mergeCell ref="AD39:AE40"/>
    <mergeCell ref="AF39:AK40"/>
    <mergeCell ref="AL39:AM40"/>
    <mergeCell ref="AN39:AU40"/>
    <mergeCell ref="AV39:AW40"/>
    <mergeCell ref="BB40:BH40"/>
    <mergeCell ref="BC28:BJ30"/>
    <mergeCell ref="E25:F25"/>
    <mergeCell ref="G25:R26"/>
    <mergeCell ref="BC25:BJ27"/>
    <mergeCell ref="D35:G36"/>
    <mergeCell ref="E26:F26"/>
    <mergeCell ref="E27:F27"/>
    <mergeCell ref="G27:R27"/>
    <mergeCell ref="X30:AC30"/>
    <mergeCell ref="E31:F31"/>
    <mergeCell ref="G31:R31"/>
    <mergeCell ref="H35:M36"/>
    <mergeCell ref="N35:V35"/>
    <mergeCell ref="W35:AE35"/>
    <mergeCell ref="AF35:AM35"/>
    <mergeCell ref="AP35:AU35"/>
    <mergeCell ref="AX35:BJ36"/>
    <mergeCell ref="N36:V36"/>
    <mergeCell ref="W36:AE36"/>
    <mergeCell ref="AF36:AM36"/>
    <mergeCell ref="AN36:AW36"/>
    <mergeCell ref="H37:M38"/>
    <mergeCell ref="N37:T38"/>
    <mergeCell ref="U37:V38"/>
    <mergeCell ref="W37:AC38"/>
    <mergeCell ref="AD37:AE38"/>
    <mergeCell ref="AF37:AK38"/>
    <mergeCell ref="AL37:AM38"/>
    <mergeCell ref="AN37:AU38"/>
    <mergeCell ref="AV37:AW38"/>
    <mergeCell ref="BB38:BH38"/>
    <mergeCell ref="H39:M40"/>
    <mergeCell ref="A3:BK3"/>
    <mergeCell ref="AK176:AM176"/>
    <mergeCell ref="AU177:AW177"/>
    <mergeCell ref="BA177:BC177"/>
    <mergeCell ref="BH174:BJ174"/>
    <mergeCell ref="AF175:AH175"/>
    <mergeCell ref="AK175:AM175"/>
    <mergeCell ref="BC175:BE175"/>
    <mergeCell ref="BH175:BJ175"/>
    <mergeCell ref="AF176:AH176"/>
    <mergeCell ref="AY171:BD171"/>
    <mergeCell ref="BE171:BJ171"/>
    <mergeCell ref="AY172:BD172"/>
    <mergeCell ref="BE172:BJ172"/>
    <mergeCell ref="AY173:BD173"/>
    <mergeCell ref="BE173:BJ173"/>
    <mergeCell ref="D165:G170"/>
    <mergeCell ref="P166:BH166"/>
    <mergeCell ref="U165:Y165"/>
    <mergeCell ref="AH165:AM165"/>
    <mergeCell ref="U167:Y167"/>
    <mergeCell ref="AH167:AM167"/>
    <mergeCell ref="M82:U82"/>
    <mergeCell ref="M83:U83"/>
    <mergeCell ref="M84:U84"/>
    <mergeCell ref="AA80:AE80"/>
    <mergeCell ref="AP82:AT82"/>
    <mergeCell ref="AU82:AY82"/>
    <mergeCell ref="AA84:AE84"/>
    <mergeCell ref="AF84:AJ84"/>
    <mergeCell ref="AK84:AO84"/>
    <mergeCell ref="AP84:AT84"/>
    <mergeCell ref="AU84:AY84"/>
    <mergeCell ref="A223:BK223"/>
    <mergeCell ref="A227:D227"/>
    <mergeCell ref="A228:D228"/>
    <mergeCell ref="A229:D229"/>
    <mergeCell ref="A230:D230"/>
    <mergeCell ref="BE76:BI76"/>
    <mergeCell ref="AK78:AO78"/>
    <mergeCell ref="AP78:AT78"/>
    <mergeCell ref="AU78:AY78"/>
    <mergeCell ref="AZ78:BD78"/>
    <mergeCell ref="BE78:BI78"/>
    <mergeCell ref="M77:U77"/>
    <mergeCell ref="M78:U78"/>
    <mergeCell ref="V76:Z76"/>
    <mergeCell ref="AF80:AJ80"/>
    <mergeCell ref="AK80:AO80"/>
    <mergeCell ref="AP80:AT80"/>
    <mergeCell ref="AU80:AY80"/>
    <mergeCell ref="AA82:AE82"/>
    <mergeCell ref="AF82:AJ82"/>
    <mergeCell ref="AK82:AO82"/>
    <mergeCell ref="AZ76:BD76"/>
    <mergeCell ref="D76:L76"/>
    <mergeCell ref="E179:F179"/>
    <mergeCell ref="A243:D243"/>
    <mergeCell ref="A244:D244"/>
    <mergeCell ref="E244:BN244"/>
    <mergeCell ref="A245:D245"/>
    <mergeCell ref="E245:BN245"/>
    <mergeCell ref="A247:D247"/>
    <mergeCell ref="E247:BN247"/>
    <mergeCell ref="E229:BN229"/>
    <mergeCell ref="E232:BN232"/>
    <mergeCell ref="A232:D232"/>
    <mergeCell ref="G234:BJ234"/>
    <mergeCell ref="G236:BJ236"/>
    <mergeCell ref="G238:BJ238"/>
    <mergeCell ref="G179:S179"/>
    <mergeCell ref="AC149:AT149"/>
    <mergeCell ref="W148:AU148"/>
    <mergeCell ref="W147:AU147"/>
    <mergeCell ref="BL136:BN136"/>
    <mergeCell ref="AE138:AF138"/>
    <mergeCell ref="AI138:AJ138"/>
    <mergeCell ref="BL151:BN151"/>
    <mergeCell ref="BL152:BN152"/>
    <mergeCell ref="AY155:BK155"/>
    <mergeCell ref="T179:BJ179"/>
    <mergeCell ref="AK150:AP150"/>
    <mergeCell ref="X150:AB150"/>
    <mergeCell ref="L153:S153"/>
    <mergeCell ref="BE147:BG147"/>
    <mergeCell ref="BK147:BM147"/>
    <mergeCell ref="BE148:BG148"/>
    <mergeCell ref="BE149:BG149"/>
    <mergeCell ref="BK148:BM148"/>
    <mergeCell ref="BK149:BM149"/>
    <mergeCell ref="BC159:BH159"/>
    <mergeCell ref="BC160:BH160"/>
    <mergeCell ref="BC161:BH161"/>
    <mergeCell ref="BF137:BG137"/>
    <mergeCell ref="BE59:BF60"/>
    <mergeCell ref="AA67:AE67"/>
    <mergeCell ref="AF67:AJ67"/>
    <mergeCell ref="AK67:AO67"/>
    <mergeCell ref="AP67:AT67"/>
    <mergeCell ref="AU67:AY67"/>
    <mergeCell ref="AP69:AT69"/>
    <mergeCell ref="AU69:AY69"/>
    <mergeCell ref="AZ69:BD69"/>
    <mergeCell ref="BB63:BG63"/>
    <mergeCell ref="AV66:AX66"/>
    <mergeCell ref="BA66:BC66"/>
    <mergeCell ref="AM59:AN60"/>
    <mergeCell ref="W63:AB63"/>
    <mergeCell ref="AC63:AH63"/>
    <mergeCell ref="D56:G58"/>
    <mergeCell ref="D59:G60"/>
    <mergeCell ref="W57:AC58"/>
    <mergeCell ref="AD57:AE58"/>
    <mergeCell ref="AV57:AW58"/>
    <mergeCell ref="W59:AC60"/>
    <mergeCell ref="O135:V135"/>
    <mergeCell ref="D129:G131"/>
    <mergeCell ref="H129:N129"/>
    <mergeCell ref="O129:V129"/>
    <mergeCell ref="H130:N130"/>
    <mergeCell ref="O130:V130"/>
    <mergeCell ref="H131:N131"/>
    <mergeCell ref="E132:F133"/>
    <mergeCell ref="Q63:V63"/>
    <mergeCell ref="D77:L84"/>
    <mergeCell ref="AA76:AE76"/>
    <mergeCell ref="AF76:AJ76"/>
    <mergeCell ref="AK76:AO76"/>
    <mergeCell ref="AP76:AT76"/>
    <mergeCell ref="AU76:AY76"/>
    <mergeCell ref="M79:U79"/>
    <mergeCell ref="M80:U80"/>
    <mergeCell ref="M81:U81"/>
    <mergeCell ref="AP24:AQ24"/>
    <mergeCell ref="AS24:AT24"/>
    <mergeCell ref="AW24:BJ24"/>
    <mergeCell ref="H24:S24"/>
    <mergeCell ref="U24:V24"/>
    <mergeCell ref="X24:Y24"/>
    <mergeCell ref="Z24:AA24"/>
    <mergeCell ref="AB24:AC24"/>
    <mergeCell ref="AE24:AF24"/>
    <mergeCell ref="AI24:AJ24"/>
    <mergeCell ref="AL24:AM24"/>
    <mergeCell ref="AN24:AO24"/>
    <mergeCell ref="AI23:AJ23"/>
    <mergeCell ref="AL23:AM23"/>
    <mergeCell ref="AN23:AO23"/>
    <mergeCell ref="AP23:AQ23"/>
    <mergeCell ref="AS23:AT23"/>
    <mergeCell ref="AW23:BJ23"/>
    <mergeCell ref="H23:S23"/>
    <mergeCell ref="U23:V23"/>
    <mergeCell ref="X23:Y23"/>
    <mergeCell ref="Z23:AA23"/>
    <mergeCell ref="AB23:AC23"/>
    <mergeCell ref="AE23:AF23"/>
    <mergeCell ref="AI22:AJ22"/>
    <mergeCell ref="AL22:AM22"/>
    <mergeCell ref="AN22:AO22"/>
    <mergeCell ref="AP22:AQ22"/>
    <mergeCell ref="AS22:AT22"/>
    <mergeCell ref="AW22:BJ22"/>
    <mergeCell ref="H22:S22"/>
    <mergeCell ref="U22:V22"/>
    <mergeCell ref="X22:Y22"/>
    <mergeCell ref="Z22:AA22"/>
    <mergeCell ref="AB22:AC22"/>
    <mergeCell ref="AE22:AF22"/>
    <mergeCell ref="BC19:BD20"/>
    <mergeCell ref="BF19:BG19"/>
    <mergeCell ref="AG20:AP20"/>
    <mergeCell ref="AQ20:AW20"/>
    <mergeCell ref="E21:F21"/>
    <mergeCell ref="G21:R21"/>
    <mergeCell ref="T21:AG21"/>
    <mergeCell ref="AH21:AV21"/>
    <mergeCell ref="AW21:BJ21"/>
    <mergeCell ref="E19:F19"/>
    <mergeCell ref="G19:R19"/>
    <mergeCell ref="U19:V20"/>
    <mergeCell ref="W19:AF19"/>
    <mergeCell ref="AG19:AL19"/>
    <mergeCell ref="AM19:AV19"/>
    <mergeCell ref="E18:F18"/>
    <mergeCell ref="G18:R18"/>
    <mergeCell ref="X18:Z18"/>
    <mergeCell ref="AC18:AE18"/>
    <mergeCell ref="AH18:AJ18"/>
    <mergeCell ref="U18:W18"/>
    <mergeCell ref="AR18:BJ18"/>
    <mergeCell ref="AR5:AT5"/>
    <mergeCell ref="AW5:AY5"/>
    <mergeCell ref="BB5:BD5"/>
    <mergeCell ref="E6:F6"/>
    <mergeCell ref="G6:R6"/>
    <mergeCell ref="T6:BJ6"/>
    <mergeCell ref="AY14:BJ14"/>
    <mergeCell ref="T14:AU14"/>
    <mergeCell ref="E15:F15"/>
    <mergeCell ref="G15:R15"/>
    <mergeCell ref="T15:Y15"/>
    <mergeCell ref="Z15:AO15"/>
    <mergeCell ref="AP15:AU15"/>
    <mergeCell ref="AV15:BJ15"/>
    <mergeCell ref="E16:F16"/>
    <mergeCell ref="G16:R16"/>
    <mergeCell ref="T16:Y16"/>
    <mergeCell ref="E13:F13"/>
    <mergeCell ref="G13:R13"/>
    <mergeCell ref="T13:BJ13"/>
    <mergeCell ref="E17:F17"/>
    <mergeCell ref="G17:R17"/>
    <mergeCell ref="E14:F14"/>
    <mergeCell ref="G14:R14"/>
    <mergeCell ref="AV14:AX14"/>
    <mergeCell ref="E12:F12"/>
    <mergeCell ref="G12:R12"/>
    <mergeCell ref="Z16:AO16"/>
    <mergeCell ref="AP16:AU16"/>
    <mergeCell ref="AV16:BJ16"/>
    <mergeCell ref="T17:AU17"/>
    <mergeCell ref="AV17:AX17"/>
    <mergeCell ref="AY17:BJ17"/>
    <mergeCell ref="K63:P63"/>
    <mergeCell ref="F184:BN184"/>
    <mergeCell ref="BH63:BN63"/>
    <mergeCell ref="W64:AB64"/>
    <mergeCell ref="AC64:AH64"/>
    <mergeCell ref="AF59:AL60"/>
    <mergeCell ref="BF66:BH66"/>
    <mergeCell ref="D63:J63"/>
    <mergeCell ref="AU63:BA63"/>
    <mergeCell ref="AV59:AW60"/>
    <mergeCell ref="AD59:AE60"/>
    <mergeCell ref="K64:P64"/>
    <mergeCell ref="Q64:V64"/>
    <mergeCell ref="AI64:AN64"/>
    <mergeCell ref="AO64:AT64"/>
    <mergeCell ref="BB64:BG64"/>
    <mergeCell ref="BH64:BN64"/>
    <mergeCell ref="H59:V60"/>
    <mergeCell ref="AI63:AN63"/>
    <mergeCell ref="AO63:AT63"/>
    <mergeCell ref="D64:J64"/>
    <mergeCell ref="AU64:BA64"/>
    <mergeCell ref="AO59:AU60"/>
    <mergeCell ref="AX59:BD60"/>
    <mergeCell ref="D188:BJ188"/>
    <mergeCell ref="D189:N190"/>
    <mergeCell ref="O189:Z190"/>
    <mergeCell ref="AA189:AC190"/>
    <mergeCell ref="AD189:AY190"/>
    <mergeCell ref="AZ189:BB190"/>
    <mergeCell ref="BC189:BJ190"/>
    <mergeCell ref="D191:N192"/>
    <mergeCell ref="O191:Z192"/>
    <mergeCell ref="AA191:AC192"/>
    <mergeCell ref="AD191:AY192"/>
    <mergeCell ref="AZ191:BB192"/>
    <mergeCell ref="BC191:BJ191"/>
    <mergeCell ref="BC192:BJ192"/>
    <mergeCell ref="D193:N194"/>
    <mergeCell ref="O193:Z194"/>
    <mergeCell ref="AA193:AC194"/>
    <mergeCell ref="AD193:AY194"/>
    <mergeCell ref="AZ193:BB194"/>
    <mergeCell ref="BC193:BJ193"/>
    <mergeCell ref="BC194:BJ194"/>
    <mergeCell ref="D195:N196"/>
    <mergeCell ref="O195:Z196"/>
    <mergeCell ref="AA195:AC196"/>
    <mergeCell ref="AD195:AY196"/>
    <mergeCell ref="AZ195:BB196"/>
    <mergeCell ref="BC195:BJ195"/>
    <mergeCell ref="BC196:BJ196"/>
    <mergeCell ref="D197:N198"/>
    <mergeCell ref="O197:Z198"/>
    <mergeCell ref="AA197:AC198"/>
    <mergeCell ref="AD197:AY198"/>
    <mergeCell ref="AZ197:BB198"/>
    <mergeCell ref="BC197:BJ197"/>
    <mergeCell ref="BC198:BJ198"/>
    <mergeCell ref="D199:N200"/>
    <mergeCell ref="O199:Z200"/>
    <mergeCell ref="AA199:AC200"/>
    <mergeCell ref="AD199:AY200"/>
    <mergeCell ref="AZ199:BB200"/>
    <mergeCell ref="BC199:BJ199"/>
    <mergeCell ref="BC200:BJ200"/>
    <mergeCell ref="D201:N202"/>
    <mergeCell ref="O201:Z202"/>
    <mergeCell ref="AA201:AC202"/>
    <mergeCell ref="AD201:AY202"/>
    <mergeCell ref="AZ201:BB202"/>
    <mergeCell ref="BC201:BJ201"/>
    <mergeCell ref="BC202:BJ202"/>
    <mergeCell ref="D203:N204"/>
    <mergeCell ref="O203:Z204"/>
    <mergeCell ref="AA203:AC204"/>
    <mergeCell ref="AD203:AY204"/>
    <mergeCell ref="AZ203:BB204"/>
    <mergeCell ref="BC203:BJ203"/>
    <mergeCell ref="BC204:BJ204"/>
    <mergeCell ref="AZ205:BB206"/>
    <mergeCell ref="BC205:BJ205"/>
    <mergeCell ref="BC206:BJ206"/>
    <mergeCell ref="D207:N208"/>
    <mergeCell ref="O207:Z208"/>
    <mergeCell ref="AA207:AC208"/>
    <mergeCell ref="AD207:AY208"/>
    <mergeCell ref="AZ207:BB208"/>
    <mergeCell ref="BC207:BJ207"/>
    <mergeCell ref="BC208:BJ208"/>
    <mergeCell ref="AD209:AY210"/>
    <mergeCell ref="AZ209:BB210"/>
    <mergeCell ref="BC209:BJ209"/>
    <mergeCell ref="BC210:BJ210"/>
    <mergeCell ref="D211:N212"/>
    <mergeCell ref="O211:Z212"/>
    <mergeCell ref="AA211:AC212"/>
    <mergeCell ref="AD211:AY212"/>
    <mergeCell ref="AZ211:BB212"/>
    <mergeCell ref="BC211:BJ211"/>
    <mergeCell ref="BC212:BJ212"/>
    <mergeCell ref="E7:F7"/>
    <mergeCell ref="G7:R7"/>
    <mergeCell ref="T7:V7"/>
    <mergeCell ref="AV7:AX7"/>
    <mergeCell ref="AY7:BJ7"/>
    <mergeCell ref="T9:V9"/>
    <mergeCell ref="AP9:AR9"/>
    <mergeCell ref="T10:Z11"/>
    <mergeCell ref="AA10:AL11"/>
    <mergeCell ref="AM10:AN11"/>
    <mergeCell ref="AO10:AV11"/>
    <mergeCell ref="AW10:AX11"/>
    <mergeCell ref="AY10:BB10"/>
    <mergeCell ref="BC10:BJ10"/>
    <mergeCell ref="AY11:BB11"/>
    <mergeCell ref="BC11:BJ11"/>
    <mergeCell ref="A257:D257"/>
    <mergeCell ref="E257:BN257"/>
    <mergeCell ref="E103:F103"/>
    <mergeCell ref="BC103:BF103"/>
    <mergeCell ref="J104:BG106"/>
    <mergeCell ref="BC107:BF107"/>
    <mergeCell ref="M117:BB119"/>
    <mergeCell ref="M121:BB122"/>
    <mergeCell ref="F125:BN126"/>
    <mergeCell ref="D180:D183"/>
    <mergeCell ref="E180:F183"/>
    <mergeCell ref="G180:S183"/>
    <mergeCell ref="U180:U183"/>
    <mergeCell ref="X180:X183"/>
    <mergeCell ref="AA180:AA183"/>
    <mergeCell ref="A225:D225"/>
    <mergeCell ref="D213:BL214"/>
    <mergeCell ref="D205:N206"/>
    <mergeCell ref="O205:Z206"/>
    <mergeCell ref="AA205:AC206"/>
    <mergeCell ref="AD205:AY206"/>
    <mergeCell ref="D209:N210"/>
    <mergeCell ref="O209:Z210"/>
    <mergeCell ref="AA209:AC210"/>
  </mergeCells>
  <phoneticPr fontId="1"/>
  <pageMargins left="0.35433070866141736" right="0.19685039370078741" top="0.39370078740157483" bottom="0.23622047244094491" header="0" footer="0.15748031496062992"/>
  <headerFooter alignWithMargins="0"/>
  <rowBreaks count="6" manualBreakCount="6">
    <brk id="33" max="65" man="1"/>
    <brk id="74" max="65" man="1"/>
    <brk id="128" max="65" man="1"/>
    <brk id="163" max="65" man="1"/>
    <brk id="186" max="65" man="1"/>
    <brk id="221" max="65" man="1"/>
  </rowBreaks>
  <drawing r:id="rId2"/>
</worksheet>
</file>

<file path=customXml/_rels/item1.xml.rels>&#65279;<?xml version="1.0" encoding="utf-8" standalone="yes"?>
<Relationships xmlns="http://schemas.openxmlformats.org/package/2006/relationships">
  <Relationship Id="rId1" Type="http://schemas.openxmlformats.org/officeDocument/2006/relationships/customXmlProps" Target="itemProps1.xml" />
</Relationships>
</file>

<file path=customXml/_rels/item2.xml.rels>&#65279;<?xml version="1.0" encoding="utf-8" standalone="yes"?>
<Relationships xmlns="http://schemas.openxmlformats.org/package/2006/relationships">
  <Relationship Id="rId1" Type="http://schemas.openxmlformats.org/officeDocument/2006/relationships/customXmlProps" Target="itemProps2.xml" />
</Relationships>
</file>

<file path=customXml/_rels/item3.xml.rels>&#65279;<?xml version="1.0" encoding="utf-8" standalone="yes"?>
<Relationships xmlns="http://schemas.openxmlformats.org/package/2006/relationships">
  <Relationship Id="rId1" Type="http://schemas.openxmlformats.org/officeDocument/2006/relationships/customXmlProps" Target="itemProps3.xml" />
</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4FA1AD8F-2C1A-4CA6-A925-B4EBE2117B9F}">
  <ds:schemaRefs>
    <ds:schemaRef ds:uri="http://schemas.microsoft.com/sharepoint/v3/contenttype/forms"/>
  </ds:schemaRefs>
</ds:datastoreItem>
</file>

<file path=customXml/itemProps2.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979DE105-85F2-49A3-810E-F0DC0D2DB918}">
  <ds:schemaRefs>
    <ds:schemaRef ds:uri="http://purl.org/dc/elements/1.1/"/>
    <ds:schemaRef ds:uri="http://schemas.microsoft.com/office/2006/documentManagement/types"/>
    <ds:schemaRef ds:uri="http://purl.org/dc/terms/"/>
    <ds:schemaRef ds:uri="http://schemas.openxmlformats.org/package/2006/metadata/core-properties"/>
    <ds:schemaRef ds:uri="http://purl.org/dc/dcmitype/"/>
    <ds:schemaRef ds:uri="http://schemas.microsoft.com/office/2006/metadata/properties"/>
    <ds:schemaRef ds:uri="http://www.w3.org/XML/1998/namespace"/>
    <ds:schemaRef ds:uri="http://schemas.microsoft.com/office/infopath/2007/PartnerControls"/>
  </ds:schemaRefs>
</ds:datastoreItem>
</file>